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228"/>
  <workbookPr autoCompressPictures="0"/>
  <mc:AlternateContent xmlns:mc="http://schemas.openxmlformats.org/markup-compatibility/2006">
    <mc:Choice Requires="x15">
      <x15ac:absPath xmlns:x15ac="http://schemas.microsoft.com/office/spreadsheetml/2010/11/ac" url="C:\Users\s428393\Dropbox\2018_RWS\Data\Data Tables\Data Tables by Regions and Groups\RDAsLGAs regions\"/>
    </mc:Choice>
  </mc:AlternateContent>
  <xr:revisionPtr revIDLastSave="0" documentId="13_ncr:1_{B2EF98A6-18A3-4BD0-86A8-B66D8BD49E20}" xr6:coauthVersionLast="45" xr6:coauthVersionMax="45" xr10:uidLastSave="{00000000-0000-0000-0000-000000000000}"/>
  <bookViews>
    <workbookView xWindow="28680" yWindow="-120" windowWidth="29040" windowHeight="1584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45621"/>
</workbook>
</file>

<file path=xl/sharedStrings.xml><?xml version="1.0" encoding="utf-8"?>
<sst xmlns="http://schemas.openxmlformats.org/spreadsheetml/2006/main" count="3507" uniqueCount="618">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 xml:space="preserve">Each individual item used to create the Community Wellbeing Index is presented individually. </t>
  </si>
  <si>
    <t>Changes in liveability ('getting worse' (1) to 'getting better' (7))</t>
  </si>
  <si>
    <t>Wellbeing of people</t>
  </si>
  <si>
    <t>Wellbeing of communities</t>
  </si>
  <si>
    <t>Self-efficacy (average score, from a possible 1-7)</t>
  </si>
  <si>
    <t>Institutional Capital</t>
  </si>
  <si>
    <t>Equity and inclusion (average score, from a possible 1-7)</t>
  </si>
  <si>
    <t>Participation in volunteering - distribution of responses</t>
  </si>
  <si>
    <t>Access to roads and public transport (average score, from a possible 1-7)</t>
  </si>
  <si>
    <t>Access to food and retail shops  (average score, from a possible 1-7)</t>
  </si>
  <si>
    <t>Access to telecommunications measures</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 Domains</t>
  </si>
  <si>
    <t xml:space="preserve">To what extent do you feel the things you do in your life are worthwhile?
</t>
  </si>
  <si>
    <t>How much do you feel your life has purpose?</t>
  </si>
  <si>
    <t xml:space="preserve">How meaningful does your life feel?
</t>
  </si>
  <si>
    <t>Migration</t>
  </si>
  <si>
    <t>People shifting away from the area
(measured 'not a problem' (1) to 'very big problem' (7))</t>
  </si>
  <si>
    <t>% residents who rated it as poor</t>
  </si>
  <si>
    <t>I have the skills and education I need to achieve what I want to in life
(Measured 'strongly disagree' (1) to 'strongly agree' (7))</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Community events e.g. festivals
'(Measured 'very poor' (1) to 'very good' (7))</t>
  </si>
  <si>
    <t>Access to health and education services</t>
  </si>
  <si>
    <t>Availability of good local restaurants/cafes
(Measured 'very poor' (1) to 'very good' (7))</t>
  </si>
  <si>
    <t>Access to local government services</t>
  </si>
  <si>
    <t>Local government services
(Measured 'very poor' (1) to 'very good' (7))</t>
  </si>
  <si>
    <t>Mobile phone reception
(Measured 'very poor' (1) to 'very good' (7))</t>
  </si>
  <si>
    <t>Access to telecommunications
(average score, from a possible 1-7)</t>
  </si>
  <si>
    <t>Measured from 1 (low levels of telecommunications) to 7 (high levels of telecommunications)</t>
  </si>
  <si>
    <t>Eudaimonic Wellbeing Index</t>
  </si>
  <si>
    <t>Eudaimonic Wellbeing Index
(average score, from a possible 0-100)</t>
  </si>
  <si>
    <t xml:space="preserv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To what extent are the following problems/challenges in your community at the moment? - Conflict/disagreement between some people
(Measured 'not a problem' (1) to 'very big problem' (7))</t>
  </si>
  <si>
    <t>Confidence interval for % who rated it as neither poor or good</t>
  </si>
  <si>
    <t>Confidence interval for % who  rated it as good</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If I could, I would shift to live in another community
(measured 'strongly disagree' (1) to 'strongly agree' (7))</t>
  </si>
  <si>
    <t>Confidence interval for % Never/rarely</t>
  </si>
  <si>
    <t>Confidence interval for % Sometimes</t>
  </si>
  <si>
    <t>Confidence interval for % regularly/all the time</t>
  </si>
  <si>
    <t>Wellbeing-  Emotional Affect Index - distribution of responses</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 residents who rated it as a large problem</t>
  </si>
  <si>
    <t>Confidence interval for % who rated it as a large problem</t>
  </si>
  <si>
    <t>% residents who rated it as no/low problem</t>
  </si>
  <si>
    <t>Confidence interval for % who rated it as no/low problem</t>
  </si>
  <si>
    <t>Australia</t>
  </si>
  <si>
    <t>Regional Australia</t>
  </si>
  <si>
    <t>Urban Australia</t>
  </si>
  <si>
    <t xml:space="preserve">Self-efficacy </t>
  </si>
  <si>
    <t xml:space="preserve">Self-efficacy measures </t>
  </si>
  <si>
    <t xml:space="preserve">Access to telecommunications </t>
  </si>
  <si>
    <t xml:space="preserve">Crime and safety in the local community </t>
  </si>
  <si>
    <t xml:space="preserve">Crime and safety in the local community measures  </t>
  </si>
  <si>
    <t>Measured from 0 (low emotional affect) to 10 (high emotional affect)</t>
  </si>
  <si>
    <t>Explanatory notes</t>
  </si>
  <si>
    <t>Respondents were asked ‘how would you rate your general health?’, and asked to select one of the following options: poor, fair, good, very good or excellent. 
Responses are reported  as an average and as the % providing each response.</t>
  </si>
  <si>
    <t xml:space="preserve">The Community Wellbeing Index is the average score of answers to five questions on the survey, each of which is measured on a 7-point scale from ‘strongly disagree’ (1) to ‘strongly agree’ (7). 
The items included in the index were: (i) My community is a great place to live, (ii) This community copes pretty well when faced with challenges, (iii) I feel proud to live in this community, (iv) This community has a bright future, and (v) There's good community spirit around here. </t>
  </si>
  <si>
    <t>Community wellbeing
 (average score, from a possible 1-7)</t>
  </si>
  <si>
    <t>Community Wellbeing Index</t>
  </si>
  <si>
    <t>My community is a great place to live
(Measured 'strongly disagree' (1) to 'strongly agree' (7))</t>
  </si>
  <si>
    <t>I feel proud to live in this community
(Measured 'strongly disagree' (1) to 'strongly agree' (7))</t>
  </si>
  <si>
    <t>This community has a bright future
(Measured 'strongly disagree' (1) to 'strongly agree' (7))</t>
  </si>
  <si>
    <t>There's good community spirit around here
(Measured 'strongly disagree' (1) to 'strongly agree' (7))</t>
  </si>
  <si>
    <t>Likelihood of shifting in the next 12 months 
(measured 'very unlikely' (1) to 'very likely' (5))</t>
  </si>
  <si>
    <t xml:space="preserve">% residents who were unlikely to shift </t>
  </si>
  <si>
    <t xml:space="preserve">Confidence interval for % who were unlikely to shift </t>
  </si>
  <si>
    <t xml:space="preserve">% residents who were neither likely or unlikely to shift </t>
  </si>
  <si>
    <t>Confidence interval for % who neither likely or unlikely to shift</t>
  </si>
  <si>
    <t xml:space="preserve">% residents who were likely to shift  </t>
  </si>
  <si>
    <t>Confidence interval for % who  were likely to shift</t>
  </si>
  <si>
    <t>% residents who had a score of 1 or 2 out of 5</t>
  </si>
  <si>
    <t>There is 95% confidence that if the survey was repeated, the value would fall between the %  ± the confidence interval</t>
  </si>
  <si>
    <t>% residents who had a score of 3 out of 5</t>
  </si>
  <si>
    <t>% residents who had a score of 4 or 5 out of 5</t>
  </si>
  <si>
    <t>This community is financially well-off
(Measured 'strongly disagree' (1) to 'strongly agree' (7))</t>
  </si>
  <si>
    <t>Local businesses in this town are doing pretty well at the moment
(Measured 'strongly disagree' (1) to 'strongly agree' (7))</t>
  </si>
  <si>
    <t xml:space="preserve">Respondents were asked to identify how much they agreed or disagreed, on a 7-point scale from  'strongly disagree' (1) to 'strongly agree' (7), with the following statements: (i) I am confident I can achieve the things I want in life, (ii) I am confident I can achieve the things I want in my work, and (iii) I have the skills and education I need to achieve what I want to in life. Responses to these statements were averaged to form a single measure of self-efficacy, scored from 1 (low self-efficacy) to 7 (high self-efficacy). 
</t>
  </si>
  <si>
    <t>The human capital available to communities was measured by asking survey participants how much they agreed with the following three statements, from 'strongly disagree' (1) to 'strongly agree' (7): (i) People around here are good at getting help and ideas from other communities; (ii) Whatever the problem, someone in this community takes the lead in sorting it out; and (iii) Local groups and organisations around here are good at getting things done.
Responses to these three statements were averaged to form a single measure of community leadership and collaboration, measured from 1 (low levels of leadership and collaboration) to 7 (high levels of leadership and collaboration).</t>
  </si>
  <si>
    <t xml:space="preserve"> Community leadership and collaboration
(average score, from a possible 1-7)</t>
  </si>
  <si>
    <t>Measured from 1 (low levels of community human capital in the form of leadership and collaboration) to 7 (high levels of leadership and collaboration)</t>
  </si>
  <si>
    <t>People around here are good at getting help and ideas from other communities
(Measured 'strongly disagree' (1) to 'strongly agree' (7))</t>
  </si>
  <si>
    <t>Whatever the problem, someone in this community takes the lead in sorting it out
(Measured 'strongly disagree' (1) to 'strongly agree' (7))</t>
  </si>
  <si>
    <t>The people who make decisions for my community represent the whole community, not just part of it 
(Measured 'strongly disagree' (1) to 'strongly agree' (7))</t>
  </si>
  <si>
    <t>Most people get a fair go around here
(Measured 'strongly disagree' (1) to 'strongly agree' (7))</t>
  </si>
  <si>
    <t xml:space="preserve">Equity and inclusion was measured by asking survey participants how much they agreed with the following two statements, from 'strongly disagree' (1) to 'strongly agree' (7): (i) Some groups in this community keep to themselves; (ii) Some groups who live in this community aren’t made to feel welcome; and the statement 'Conflict/disagreement between some people' from 'not a problem' (1) to 'very big problem' (7).
Responses to these statements were averaged to form a single measure of equity and inclusion by (i) reversing the scoring of each, so that low scores indicated poor equity and low inclusion, and high scores indicated high levels of equity and inclusion; and (ii) calculating the average score across the three variables. </t>
  </si>
  <si>
    <t>Equity and inclusion
(average score, from a possible 1-7)</t>
  </si>
  <si>
    <t>Measured from 1 (low levels of inclusion and equity) to 7 (high levels of inclusion and equity)</t>
  </si>
  <si>
    <t>Some groups in this community keep to themselves
(Measured 'strongly disagree' (1) to 'strongly agree' (7))</t>
  </si>
  <si>
    <t>Some groups who live in this community aren’t made to feel welcome
(Measured 'strongly disagree' (1) to 'strongly agree' (7))</t>
  </si>
  <si>
    <t>Informal social connectedness was measured by asking survey participants how often they did the following, on a scale measured from 'never' (1) to 'all the time' (7):
(i) I make time to keep in touch with my friends; (ii) I chat with my neighbours; and (iii) I spend time doing things with family members who don’t live with me.
The ‘friends and family’ measure was calculated as the average of these three items, from 1 (low levels of informal social connectedness) to 7 (high levels of informal social connectedness).</t>
  </si>
  <si>
    <t>I chat with my neighbours
'(Measured 'never' (1) to 'all the time' (7))</t>
  </si>
  <si>
    <t>The extent of a person’s involvement in local community activities was examined by asking survey participants how frequently they took part in the following types of activities, on a scale from 'never or almost never' (1) to 'all the time' (7): (i) I attend community events such as farmers markets, community festivals; (ii) I attend meetings/social events of local clubs/groups e.g. Lions, CWA; and (iii) I take part in sports groups or teams.
The ‘getting involved’ measure was calculated as the average of these items, from 1 (low levels of involvement) to 7 (high levels of involvement).</t>
  </si>
  <si>
    <t>I attend community events such as farmers markets, community festivals
'(Measured 'never or almost never' (1) to 'all the time' (7))</t>
  </si>
  <si>
    <t>A person’s sense of belonging was measured by asking survey participants how much they agreed with the following three statements, from 'strongly disagree' (1) to 'strongly agree' (7): (i) I feel welcome here; (ii) I feel part of my community; and (iii) I feel like an outsider here. 
The ‘belonging’ measure was calculated as the average score for these three variables, after the scoring for ‘I feel like an outsider here’ was reversed, from 1 (low sense of belonging) to 7 (high sense of belonging).</t>
  </si>
  <si>
    <t>Measured from 1 (low sense of belonging) to 7 (high sense of belonging)</t>
  </si>
  <si>
    <t>Sense of belonging measures</t>
  </si>
  <si>
    <t>I feel part of my community 
(Measured 'strongly disagree' (1) to 'strongly agree' (7))</t>
  </si>
  <si>
    <t>I feel like an outsider here 
(Measured 'strongly disagree' (1) to 'strongly agree' (7))</t>
  </si>
  <si>
    <t xml:space="preserve">Access to health, education  and child care </t>
  </si>
  <si>
    <t xml:space="preserve"> Access to health, education and child care
(average score, from a possible 1-7)</t>
  </si>
  <si>
    <t>Access to health, education and child care measures</t>
  </si>
  <si>
    <t>General health services e.g. GP, general health consultation services
(Measured 'very poor' (1) to 'very good' (7))</t>
  </si>
  <si>
    <t>Mental health services e.g. psychologist, psychiatrist
(Measured 'very poor' (1) to 'very good' (7))</t>
  </si>
  <si>
    <t>Specialist health services (other than mental health)
(Measured 'very poor' (1) to 'very good' (7))</t>
  </si>
  <si>
    <t>Quality of local schools
(Measured 'very poor' (1) to 'very good' (7))</t>
  </si>
  <si>
    <t>Access to childcare
(Measured 'very poor' (1) to 'very good' (7))</t>
  </si>
  <si>
    <t>Access to health, education, and child care was measured by asking respondents to rate their access to the following types of services in their local community, on a scale ranging from 'very poor' (1) to 'very good' (7): (i) General health services e.g. GP, general health consultation services; (ii) Mental health services e.g. psychologist, psychiatrist; (iii) Specialist health services (other than mental health); (iv) quality of local schools (v) access to child care.
A single measure of overall access to health, education, aged and child care was then constructed based on the average score of a person’s responses to these items, after excluding respondents who were unsure whether there was access to a given service.</t>
  </si>
  <si>
    <t>Access to roads and public transport</t>
  </si>
  <si>
    <t xml:space="preserve"> Access to roads and public transport
(average score, from a possible 1-7)</t>
  </si>
  <si>
    <t>Access to roads and public transport was measured by asking respondents to rate their access to the following types of services in their local community, on a scale ranging from 'very poor' (1) to 'very good' (7): (i) Quality of local roads; and (ii) Access to public transport (including taxis, buses, trains).
A single measure of overall access to roads and public transport was then constructed based on the average score of a person’s responses to these two items.</t>
  </si>
  <si>
    <t>Quality of local roads 
(Measured 'very poor' (1) to 'very good' (7))</t>
  </si>
  <si>
    <t>Access to public transport (including taxis, buses, trains)
(Measured 'very poor' (1) to 'very good' (7))</t>
  </si>
  <si>
    <t>Access to food</t>
  </si>
  <si>
    <t xml:space="preserve">Access to food </t>
  </si>
  <si>
    <t>Access to food 
(average score, from a possible 1-7)</t>
  </si>
  <si>
    <t>Availability of fresh fruit and vegetables
(Measured 'very poor' (1) to 'very good' (7))</t>
  </si>
  <si>
    <t>Telecommunications items are reported individually. Each was measured on a 7-point scale, from 'very poor' (1) to 'very good' (7), and included: 
(i) How good or poor are the following things in your local region at the moment - Mobile phone reception and (ii) access to high speed, reliable internet
Responses are reported at the proportional level of poor/neither/good access.</t>
  </si>
  <si>
    <t>Access to high speed, reliable internet
(Measured 'very poor' (1) to 'very good' (7))</t>
  </si>
  <si>
    <t>Access to financial and professional services</t>
  </si>
  <si>
    <t xml:space="preserve">Access to financial and professional services was measured by asking respondents to rate their access to the following types of services in their local community, on a scale ranging from 'very poor' (1) to 'very good' (7): (i) Banking and financial services; and (ii) Professional services e.g. accountants, lawyers.
A single measure of overall access to financial and professional services was then constructed by taking the average score of responses to these three items. </t>
  </si>
  <si>
    <t>Access to financial and professional services
(average score, from a possible 1-7)</t>
  </si>
  <si>
    <t>Access to financial and professional services measures</t>
  </si>
  <si>
    <t>Banking and financial services
(Measured 'very poor' (1) to 'very good' (7))</t>
  </si>
  <si>
    <t>Professional services e.g. accountants, lawyers
(Measured 'very poor' (1) to 'very good' (7))</t>
  </si>
  <si>
    <t>% poor</t>
  </si>
  <si>
    <t>% neither poor nor good</t>
  </si>
  <si>
    <t>% good</t>
  </si>
  <si>
    <t>The attractiveness of the landscape a person lived in was measured by asking respondents how much they agreed or disagreed with the following statements, measured on a scale of 'strongly disagree (1) to 'strongly agree' (7): (i) I like the environment and surrounds I live in; (ii) There are attractive buildings / homes in my community; and (iii) There are attractive natural places in my community e.g. parks, bushland. 
The ‘landscape and aesthetics’ scale was then constructed as the average score of responses to these three items.</t>
  </si>
  <si>
    <t>I like the environment and surrounds I live in
(Measured 'strongly disagree' (1) to 'strongly agree' (7))</t>
  </si>
  <si>
    <t>There are attractive buildings / homes in my community
(Measured 'strongly disagree' (1) to 'strongly agree' (7))</t>
  </si>
  <si>
    <t>There are attractive natural places in my community e.g. parks, bushland
(Measured 'strongly disagree' (1) to 'strongly agree' (7))</t>
  </si>
  <si>
    <t>Perceived environmental health was measured by asking survey participants the extent to which they felt any of the following were a problem in their local region, on a scale from 'not a problem (1) to 'big problem' (7):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he average score of these variables was calculated as a measure of perceived environmental health. Scores for each item were reversed before calculation of the scale, so that a score of 1 represented poor environmental health, and a score of 7 represented good environmental health.</t>
  </si>
  <si>
    <t>Water quality problems other than salinity, in rivers, lake or waterways
(Measured 'Not a problem' (1) to 'Big problem' (7))</t>
  </si>
  <si>
    <t>Soil erosion
(Measured 'Not a problem' (1) to 'Big problem' (7))</t>
  </si>
  <si>
    <t>Poor soil health other than soil erosion e.g. soil compaction
(Measured 'Not a problem' (1) to 'Big problem' (7))</t>
  </si>
  <si>
    <t>Pest fish species e.g. carp
(Measured 'Not a problem' (1) to 'Big problem' (7))</t>
  </si>
  <si>
    <t>Loss of vegetation (trees, shrubs)
(Measured 'Not a problem' (1) to 'Big problem' (7))</t>
  </si>
  <si>
    <t>Declining numbers of some native animals or birds
(Measured 'Not a problem' (1) to 'Big problem' (7))</t>
  </si>
  <si>
    <t>Invasive weeds
(Measured 'Not a problem' (1) to 'Big problem' (7))</t>
  </si>
  <si>
    <t>Salinity (in soil or waterways)
(Measured 'Not a problem' (1) to 'Big problem' (7))</t>
  </si>
  <si>
    <t>Environmental degradation in general
(Measured 'Not a problem' (1) to 'Big problem' (7))</t>
  </si>
  <si>
    <t>Feral animals e.g. pigs, goats, wild dogs, rabbits
(Measured 'Not a problem' (1) to 'Big problem' (7))</t>
  </si>
  <si>
    <t>Declining numbers of native fish
(Measured 'Not a problem' (1) to 'Big problem' (7))</t>
  </si>
  <si>
    <t>% Not a problem</t>
  </si>
  <si>
    <t>% Moderate problem</t>
  </si>
  <si>
    <t>Confidence interval for % Moderate problem</t>
  </si>
  <si>
    <t>%  Big problem</t>
  </si>
  <si>
    <t>Confidence interval for % Not a problem</t>
  </si>
  <si>
    <t>% residents who were very comfortable or prosperous</t>
  </si>
  <si>
    <t>% residents who indicated they were very comfortable (5) or prosperous (6)</t>
  </si>
  <si>
    <t xml:space="preserve">The Personal Wellbeing Index measures a person’s wellbeing on a score from 0-100. This score is calculated based on answers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 residents who reported a score below 6</t>
  </si>
  <si>
    <t>% residents who reported a score of 6 to 8</t>
  </si>
  <si>
    <t>% residents who reported a score of above 8</t>
  </si>
  <si>
    <t xml:space="preserve">The data in this spreadsheet were produced from the 2018 Regional Wellbeing Survey. Information about the survey is available at www.regionalwellbeing.org.au. </t>
  </si>
  <si>
    <t>The data presented in this spreadsheet are from a survey of adult residents of this region. All surveys have some bias in the responses they receive. The 2018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Likelihood of shifting to a new community</t>
  </si>
  <si>
    <t>Access to community events</t>
  </si>
  <si>
    <t>% residents who reported moderate access to community events</t>
  </si>
  <si>
    <t>% residents who reported good or very good access to community events</t>
  </si>
  <si>
    <t>Confidence interval for % who had good or very good access to community events</t>
  </si>
  <si>
    <t>Confidence interval for % who had moderate access to community events</t>
  </si>
  <si>
    <t>Confidence interval for % who had poor or very poor access to community events</t>
  </si>
  <si>
    <t>% residents who reported poor or very poor access to community events</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The people who make decisions for my community represent the whole community, not just part of it; (iii) I can get involved in local decision-making processes if I want to; and (iv) Most people get a fair go around here.
Responses to these statements were averaged to form a single measure, from 1 (low confidence in being able to have a say and being heard) to 7 (high confidence in being able to have a say and being heard).</t>
  </si>
  <si>
    <t>% residents who disagreed</t>
  </si>
  <si>
    <t>Confidence interval for % who disagreed</t>
  </si>
  <si>
    <t>% residents who neither agreed or disagreed</t>
  </si>
  <si>
    <t>Confidence interval for % who neither agreed or disagreed</t>
  </si>
  <si>
    <t>% residents who agreed</t>
  </si>
  <si>
    <t>Confidence interval for % who agreed</t>
  </si>
  <si>
    <t>I would recommend my community to others as a good place to live
(Measured 'strongly disagree' (1) to 'strongly agree' (7))</t>
  </si>
  <si>
    <t>Would recommend community as a good place to live</t>
  </si>
  <si>
    <t>This single item was measured on a 7-point scale, from 'strongly disagree' (1) to 'strongly agree' (7). Respondents were asked: I would recommend my community to others as a good place to live. 
Responses were reported as an average and at the proportional level of disagree/neither/agree.</t>
  </si>
  <si>
    <t>Had to delay or cancel non-essential purchases e.g. holiday, going to a restaurant or movie, buying clothes</t>
  </si>
  <si>
    <t>% residents who had to delay or cancel non-essential purchases</t>
  </si>
  <si>
    <t xml:space="preserve">% residents who selected this </t>
  </si>
  <si>
    <t>Confidence interval for delaying or cancelling non-essential purchases</t>
  </si>
  <si>
    <t>Could not pay bills on time</t>
  </si>
  <si>
    <t>Went without meals, or was unable to heat or cool home</t>
  </si>
  <si>
    <t>Asked for financial help from friends or family</t>
  </si>
  <si>
    <t>% residents who could not pay bills on time</t>
  </si>
  <si>
    <t>Confidence interval for not paying bills on time</t>
  </si>
  <si>
    <t>% residents who went without meals or were unable to heat or cool home</t>
  </si>
  <si>
    <t>Confidence interval for going without meals</t>
  </si>
  <si>
    <t>% residents who asked for financial help</t>
  </si>
  <si>
    <t>Confidence interval for asking for financial help</t>
  </si>
  <si>
    <t>Eudaimonic wellbeing domains</t>
  </si>
  <si>
    <t>Each individual item used to create the Eudaimonic Wellbeing Index is presented individually</t>
  </si>
  <si>
    <t xml:space="preserve">Emotional Affect Index </t>
  </si>
  <si>
    <t>Emotional Affect (average score, from a possible 0-10)</t>
  </si>
  <si>
    <t>Community wellbeing index</t>
  </si>
  <si>
    <t>Community wellbeing domains</t>
  </si>
  <si>
    <t>Community wellbeing (average score, from possible 1-7)</t>
  </si>
  <si>
    <t>Would recommend community</t>
  </si>
  <si>
    <t>Average score, from possible 1-7</t>
  </si>
  <si>
    <t>Community leadership and collaboration measures</t>
  </si>
  <si>
    <t>Each individual item used to create the community leadership and collaboration scale is presented individually</t>
  </si>
  <si>
    <t>Equity and inclusion measures</t>
  </si>
  <si>
    <t>Each individual item used to create the equity and inclusion scale is presented individually</t>
  </si>
  <si>
    <t>Each individual item used to create the sense of belonging scale is presented individually</t>
  </si>
  <si>
    <t>The single item for 'access to community events' is presented</t>
  </si>
  <si>
    <t>Access to health and education services measures</t>
  </si>
  <si>
    <t>Each individual item used to create the access to health and education scale is presented individually</t>
  </si>
  <si>
    <t>Access to roads and public transport measures</t>
  </si>
  <si>
    <t>Each individual item used to create the access to roads and public transport scale is presented individually</t>
  </si>
  <si>
    <t>Access to food measures</t>
  </si>
  <si>
    <t>Each individual item used to create the access to food scale is presented individually</t>
  </si>
  <si>
    <t>Access to financial and professional services (average score, from a possible 1-7)</t>
  </si>
  <si>
    <t>Eudaimonic wellbeing index</t>
  </si>
  <si>
    <t>Each individual item used to create the household financial wellbeing scale is presented individually</t>
  </si>
  <si>
    <t>Financial distress ('no financial distress' (0) to 'highest level of financial distress' (4))</t>
  </si>
  <si>
    <t>Each individual item used to create the community economic wellbeing scale is presented individually</t>
  </si>
  <si>
    <t>Each individual item used to create the self-efficacy scale is presented individually</t>
  </si>
  <si>
    <t>Each individual item used to create the having a say and being heard scale is presented individually</t>
  </si>
  <si>
    <t>Each individual item used to create the getting involved scale is presented individually</t>
  </si>
  <si>
    <t>Each individual item used to create the spending time with friends and family scale is presented individually</t>
  </si>
  <si>
    <t>Each individual item used to create the access to financial and professional services scale is presented individually</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Each individual item used to create the perceived environmental health scale is presented individually</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r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The local landscape and surrounds in this community are….. 
(Measured 'getting worse' (1) to 'getting better' (7))</t>
  </si>
  <si>
    <t>Migration questions were measured using three 7-point scales. One measured the level of satisfaction from 'strongly disagree' (1) to 'strongly agree' (7), and included 'If I could, I would shift to live in another community'. 
One measured the extend of problems/challenges in their community at the moment on a scale from 'not a problem' (1)  to  'very big problem' (7) and included 'People shifting away from the area'.
One measured the likelihood of shifting from their current community on a scale from 'very unlikely' (1) to 'very likely' (5), and included 'how likely are you to shift to a new community in the next 12 months?'
Responses were reported as an average and at the proportional level of disagree/neither/agree, not a problem/low problem/moderate problem/problem, and unlikely/neither/likely.</t>
  </si>
  <si>
    <t>Confidence interval for %  $52,000-$124,999</t>
  </si>
  <si>
    <t>Confidence interval for %  $125,000+</t>
  </si>
  <si>
    <t xml:space="preserve">Regional and rural Australians were asked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are reported as an average and at the proportional level of poor/neither/good access.
</t>
  </si>
  <si>
    <t>Confidence interval for % Not Big problem</t>
  </si>
  <si>
    <t>Victoria</t>
  </si>
  <si>
    <t>Regional Victoria</t>
  </si>
  <si>
    <t>Gippsland (RDA)</t>
  </si>
  <si>
    <t>Bass Coast &amp; Baw Baw (LGAs)</t>
  </si>
  <si>
    <t>East Gippsland (LGA)</t>
  </si>
  <si>
    <t>Latrobe (LGA)</t>
  </si>
  <si>
    <t>South Gippsland (LGA)</t>
  </si>
  <si>
    <t>Wellington (LGA)</t>
  </si>
  <si>
    <t>Hume (RDA)</t>
  </si>
  <si>
    <t>Alpine &amp; Towong (LGAs)</t>
  </si>
  <si>
    <t>Greater Shepparton (LGA)</t>
  </si>
  <si>
    <t>Indigo, Wangaratta &amp; Wodonga (LGAs)</t>
  </si>
  <si>
    <t>Mansfield &amp; Murrundindi (LGAs)</t>
  </si>
  <si>
    <t>Moira (LGA)</t>
  </si>
  <si>
    <t>Northern Melbourne &amp; Western Melbourne (RDAs)</t>
  </si>
  <si>
    <t>Southern Melbourne (RDA)</t>
  </si>
  <si>
    <t>Benalla, Mitchell &amp; Strathbogie (LGAs)</t>
  </si>
  <si>
    <t>Melbourne (RDA)</t>
  </si>
  <si>
    <t>Melbourne East (LGAs)</t>
  </si>
  <si>
    <t>Northern Melbourne &amp; Western Melbourne (LGAs)</t>
  </si>
  <si>
    <t>Southern Melbourne (LGAs)</t>
  </si>
  <si>
    <t>About the region: Eastern Victoria</t>
  </si>
  <si>
    <t>This file provides data from the 2018 Regional Wellbeing Survey for Eastern Victoria (VIC).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Australia; (ii) regional Australia; (iii) urban Australia; (iv) Victoria; (v) regional Victoria; and (vi) the Regional Development Australia (RDA) regions of Gippsland, Hume, and Melbourne.</t>
  </si>
  <si>
    <t xml:space="preserve">Bass Coast &amp; Baw Baw are LGAs located in the south east of Victoria. In total, 86 people who live in these LGAs took part in the 2018 Regional Wellbeing Survey. </t>
  </si>
  <si>
    <t>Latrobe is an LGA located in the south east of Victoria. In total, 65 people who live in this LGA took part in the 2018 Regional Wellbeing Survey.</t>
  </si>
  <si>
    <t>Wellington is an LGA located in the south east of Victoria. In total, 77 people who live in this LGA took part in the 2018 Regional Wellbeing Survey.</t>
  </si>
  <si>
    <t xml:space="preserve">Alpine &amp; Towong are LGAs located in the north east of Victoria. In total, 59 people who live in these LGAs took part in the 2018 Regional Wellbeing Survey. </t>
  </si>
  <si>
    <t xml:space="preserve">The Central West region is a Regional Development Australia region located in the eastern part of Victoria. The region includes the local government areas (LGAs) of Bass Coast, Baw Baw, East Gippsland, Latrobe, South Gippsland and Wellington. In total, 370 people who live in this region took part in the 2018 Regional Wellbeing Survey. </t>
  </si>
  <si>
    <t>East Gippsland is an LGA located in the east of Victoria. In total, 65 people who live in this LGA took part in the 2018 Regional Wellbeing Survey.</t>
  </si>
  <si>
    <t>South Gippsland is an LGA located in the south east of Victoria. In total, 77 people who live in this LGA took part in the 2018 Regional Wellbeing Survey.</t>
  </si>
  <si>
    <t xml:space="preserve">The Hume region is a Regional Development Australia region located in the north east of Victoria. The region includes the local government areas (LGAs) of Alpine, Benalla, Greater Shepparton, Indigo, Mansfield, Mitchell, Moira, Murrindindi, Strathbogie, Towong, Wangaratta and Wodonga. In total, 611 people who live in this region took part in the 2018 Regional Wellbeing Survey. </t>
  </si>
  <si>
    <t>Greater Shepparton is an LGA located in the north of Victoria. In total, 121 people who live in this LGA took part in the 2018 Regional Wellbeing Survey.</t>
  </si>
  <si>
    <t xml:space="preserve">Indigo, Wangaratta &amp; Wodonga are LGAs located in the north east of Victoria. In total, 155 people who live in these LGAs took part in the 2018 Regional Wellbeing Survey. </t>
  </si>
  <si>
    <t xml:space="preserve">Mansfield &amp; Murrundindi are LGAs located in the central east part of Victoria. In total, 72 people who live in these LGAs took part in the 2018 Regional Wellbeing Survey. </t>
  </si>
  <si>
    <t xml:space="preserve">Benalla, Mitchell &amp; Strathbogie are LGAs located in the central part of Victoria. In total, 109 people who live in these LGAs took part in the 2018 Regional Wellbeing Survey. </t>
  </si>
  <si>
    <t>Moira is an LGA located in the north of Victoria. In total, 95 people who live in this LGA took part in the 2018 Regional Wellbeing Survey.</t>
  </si>
  <si>
    <t xml:space="preserve">The Melbourne is a Regional Development Australia region located in the south of Victoria, and includes the large metropolitan areas of Melbourne, and surrounding suburban areas. In total, 790 people who live in this region took part in the 2018 Regional Wellbeing Survey. </t>
  </si>
  <si>
    <t xml:space="preserve">The Melbourne East group of LGAs includes the local government areas (LGAs) of Banyule, Boroondara, Glen Eira, Knox, Mandurah, Manningham, Maroondah, Monash, Whitehorse and Yarra Ranges. In total, 211 people who live in this region took part in the 2018 Regional Wellbeing Survey. </t>
  </si>
  <si>
    <t xml:space="preserve">The Northern Melbourne &amp; Western Melbourne group of LGAs includes the local government areas (LGAs) of Brimbank, Darebin, Hobsons Bay, Hume, Maribyrnong, Melbourne, Melton, Moonee Valley, Moreland, Nillumbik, Whittlesea and Wyndham. In total, 274 people who live in this region took part in the 2018 Regional Wellbeing Survey. </t>
  </si>
  <si>
    <t xml:space="preserve">The Southern Melbourne group of LGAs includes the local government areas (LGAs) of Bayside, Cardinia, Casey, Frankston, Greater Dandenong, Kingston, Mornington Peninsula, Port Phillip, Stonnington and Yarra. In total, 242 people who live in this region took part in the 2018 Regional Wellbeing Survey. </t>
  </si>
  <si>
    <t xml:space="preserve">Australia includes all of Australia, including all of the major cities. In total, 14,139 people from Australia took part in the 2018 Regional Wellbeing Survey, although not all these people answered every question on the survey. </t>
  </si>
  <si>
    <t xml:space="preserve">Regional Australia includes all of Australia except the cities of Sydney, Melbourne, Adelaide, Brisbane, Perth and Canberra. In total, 10,280 people from regional Australia took part in the 2018 Regional Wellbeing Survey, although not all these people answered every question on the survey. </t>
  </si>
  <si>
    <t>% residents who rated access as a problem</t>
  </si>
  <si>
    <t>Measured using a reversed scale from 1 (very big problem) to 7 (not a problem)</t>
  </si>
  <si>
    <t>Measured using a reversed scale from 1 (strongly agree) to 7 (strongly disagree)</t>
  </si>
  <si>
    <t xml:space="preserve">Confidence interval for % who  disagree </t>
  </si>
  <si>
    <t>Lack of affordable food/groceries at local shops
(Measured 'not a problem' (1) to 'very big problem' (7))</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 xml:space="preserve">Each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Each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Measured from 1 (low levels of community wellbeing) to 7 (high levels of community wellbeing)</t>
  </si>
  <si>
    <t xml:space="preserve">Each item used to create the Community Wellbeing Index is presented individually. 
The community wellbeing questions were measured on a 7-point scale, from 'strongly disagree' (1) to 'strongly agree' (7), and included: 
(i) My community is a great place to live, (ii) This community copes pretty well when faced with challenges, (iii) I feel proud to live in this community, 
(iv) This community has a bright future, and (v) There's good community spirit around here. </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and asked to select one of the following options: 'prosperous; very comfortable; reasonably comfortable; just getting along; poor; 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 
Financial distress is presented at the proportional level of no or very low financial distress (selected none of these), low-moderate financial distress (selected 1 item), and high financial distress (selected 2, 3, or 4 items).</t>
    </r>
    <r>
      <rPr>
        <sz val="12"/>
        <color rgb="FFFF0000"/>
        <rFont val="Calibri"/>
        <family val="2"/>
        <scheme val="minor"/>
      </rPr>
      <t xml:space="preserve">
</t>
    </r>
    <r>
      <rPr>
        <sz val="12"/>
        <rFont val="Calibri"/>
        <family val="2"/>
        <scheme val="minor"/>
      </rPr>
      <t xml:space="preserve">Responses to each individual financial stressor is also presented. </t>
    </r>
  </si>
  <si>
    <t>Each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xml:space="preserve">Average score (mean)   </t>
  </si>
  <si>
    <t xml:space="preserve">Average score (mean), excluding don't know responses   </t>
  </si>
  <si>
    <t>Each item used to create the 'spending time with friends and family' scale is presented individually. 
The questions were measured on a 7-point scale, from 'never' (1) to 'all the time' (7), and included: 
(i) I make time to keep in touch with my friends; (ii) I chat with my neighbours; and (iii) I spend time doing things with family members who don’t live with me.</t>
  </si>
  <si>
    <t>Each item used to create the 'getting involved' scale is presented individually. The questions were measured on a 7-point scale, from 'never or almost never' (1) to 'all the time' (7), and included: 
(i) I attend community events such as farmers markets, community festivals; (ii) I attend meetings/social events of local clubs/groups e.g. Lions, CWA; and (iii) I take part in sports groups or teams.</t>
  </si>
  <si>
    <t>Each item used to create the 'sense of belonging' scale is presented individually. 
The questions were measured on a 7-point scale, from 'strongly disagree' (1) to 'strongly agree' (7), and included: 
 (i) I feel welcome here; (ii) I feel part of my community; and (iii) I feel like an outsider here</t>
  </si>
  <si>
    <t>Each item used to create the 'access to roads and public transport' scale is presented individually. 
The questions were measured on a 7-point scale, from 'very poor' (1) to 'very good' (7), and included: 
(i) Quality of local roads; and (ii) Access to public transport (including taxis, buses, trains).</t>
  </si>
  <si>
    <t>Each item used to create the 'access to financial and professional services' scale is presented individually. 
The questions were measured on a 7-point scale, from 'very poor' (1) to 'very good' (7), and included: 
(i) Banking and financial services; and (ii) Professional services e.g. accountants, lawyers.</t>
  </si>
  <si>
    <t>Each item used to create the 'equity and inclusion' scale is presented individually. 
Two items were measured on a 7-point scale, from 'strongly disagree' (1) to 'strongly agree' (7), and included: (i) Some groups in this community keep to themselves; and (ii) Some individuals get left out in this community. 
The third itm 'Conflict/disagreement between some people' was measured from 'not a problem' (1) to 'very big problem' (7).
The mean scores were reversed to represent 'low equity and inclusion' (1) to 'high equity and inclusion' (7)</t>
  </si>
  <si>
    <t>Each item used to create the 'having a say and being heard' scale is presented individually. 
The questions were measured on a 7-point scale, from 'strongly disagree' (1) to 'strongly agree' (7), and included: 
(i) My local government is able to help our community face challenges; (ii) The people who make decisions for my community represent the whole community, not just part of it; 
(iii) I can get involved in local decision-making processes if I want to; and (iv) Most people around here get a fair go.</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were reported as an average and at the proportional level of poor/moderate/good.</t>
  </si>
  <si>
    <t>Each item used to create the 'access to health, education and child care' scale is presented individually. 
The questions were measured on a 7-point scale, from 'very poor' (1) to 'very good' (7), and included: 
(i) General health services e.g. GP, general health consultation services; (ii) Mental health services e.g. psychologist, psychiatrist; 
(iii) Specialist health services (other than mental health); (iv) quality of local schools (v) access to child care.</t>
  </si>
  <si>
    <t xml:space="preserve">Access to food was measured by asking respondents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to these statements were averaged to form a single measure of access to food by (i) reversing the scoring of ‘lack of affordable food/groceries at local shops’, so that low scores indicated poor access to affordable food, and high scores indicated good access to affordable food; and (ii) calculating the average score across the three variables. </t>
  </si>
  <si>
    <t xml:space="preserve">Each item used to create the 'perceived environmental health' scale is presented individually. 
The questions were measured on a 7-point scale, from 'not a problem (1) to 'big problem' (7), and included: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
  </si>
  <si>
    <t>Each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Each item used to create the 'community leadership and collaboration' scale is presented individually. 
The questions were measured on a 7-point scale, from 'strongly disagree' (1) to 'strongly agree' (7), and included: 
 (i) People around here are good at getting help and ideas from other communities; (ii) Whatever the problem, someone in this community takes the lead in sorting it out; and 
(iii) Local groups and organisations around here are good at getting things done.</t>
  </si>
  <si>
    <t>Each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Each item used to create the 'landscape and aesthetics' scale is presented individually. 
The questions were measured on a 7-point scale, from 'strongly disagree (1) to 'strongly agree' (7), and included: 
(i) I like the environment and surrounds I live in; (ii) There are attractive buildings / homes in my community; and 
(iii) There are attractive natural places in my community e.g. parks, bushland. </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 from 'getting worse' (1) to 'getting better' (7). 
Responses were reported as an average and at the proportional level of getting worse/neither/getting better.</t>
  </si>
  <si>
    <t xml:space="preserve">The economic wellbeing of communities was measured by asking survey participants how much they agreed with the following four statements, from  'strongly disagree' (1) to 'strongly agree' (7): (i) Living costs are affordable here e.g. food, petrol, housing; (ii) This community is financially well-off; (iii) There are plenty of jobs available around here at the moment; and (iv) Local businesses in this town are doing pretty well at the moment.
Responses to these four statements were averaged to form a single measure of community economic wellbeing, measured from 1 (low levels of community economic wellbeing) to 7 (high levels of community economic wellbeing).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i) Mobile phone reception and (ii) access to high speed, reliable internet. Scores of 1 indicated low quality access and a score of 7 high quality access to telecommunications.
</t>
  </si>
  <si>
    <t xml:space="preserve">Urban Australia includes the cities and surrounding suburban areas of Sydney, Melbourne, Adelaide, Brisbane, Perth and Canberra. In total, 3,859 people from these cities took part in the 2018 Regional Wellbeing Survey, although not all these people answered every question on the survey. </t>
  </si>
  <si>
    <t>Victoria includes all of Victoria including the large metropolitan areas of Melbourne and surrounding suburban areas. In total, 3,250 people from Victoria took part in the 2018 Regional Wellbeing Survey, although not all these people answered every question on the survey.</t>
  </si>
  <si>
    <t>Regional Victoria includes all of Victoria except the large metropolitan areas of Melbourne, and surrounding suburban areas. In total, 2,532 people who live in regional Victoria took part in the 2018 Regional Wellbeing Survey, although not all these people answered every question on the survey. A total of 718 living in urban areas are excluded when reporting for regional Victoria in these data tables.</t>
  </si>
  <si>
    <t xml:space="preserve">You may reproduce the data in this spreadsheet for any purpose, providing you acknowledge the data source. Data should be cited as being sourced from the 2018 Regional Wellbeing Survey, Eastern Victoria data tables, Version 1.02 January 2020.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s>
  <cellStyleXfs count="39">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429">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12" fillId="0" borderId="0" xfId="0" applyFont="1"/>
    <xf numFmtId="0" fontId="17" fillId="6" borderId="1" xfId="0" applyFont="1" applyFill="1" applyBorder="1" applyAlignment="1">
      <alignment horizontal="left" vertical="top"/>
    </xf>
    <xf numFmtId="0" fontId="18" fillId="6" borderId="1" xfId="29" applyFont="1" applyFill="1" applyBorder="1" applyAlignment="1">
      <alignment horizontal="left" vertical="top" wrapText="1"/>
    </xf>
    <xf numFmtId="168" fontId="18" fillId="6" borderId="1" xfId="29" applyNumberFormat="1" applyFont="1" applyFill="1" applyBorder="1" applyAlignment="1">
      <alignment horizontal="left" vertical="top" wrapText="1"/>
    </xf>
    <xf numFmtId="168" fontId="19" fillId="6" borderId="1" xfId="29"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9"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9" quotePrefix="1" applyFont="1" applyFill="1" applyBorder="1" applyAlignment="1">
      <alignment horizontal="left" vertical="top" wrapText="1"/>
    </xf>
    <xf numFmtId="0" fontId="18" fillId="7" borderId="1" xfId="29" applyFont="1" applyFill="1" applyBorder="1" applyAlignment="1">
      <alignment horizontal="left" vertical="top" wrapText="1"/>
    </xf>
    <xf numFmtId="168" fontId="18" fillId="7" borderId="1" xfId="29" applyNumberFormat="1" applyFont="1" applyFill="1" applyBorder="1" applyAlignment="1">
      <alignment horizontal="left" vertical="top" wrapText="1"/>
    </xf>
    <xf numFmtId="168" fontId="19" fillId="7" borderId="1" xfId="29"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9"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3" applyNumberFormat="1" applyFont="1" applyFill="1" applyBorder="1" applyAlignment="1">
      <alignment horizontal="left" vertical="center"/>
    </xf>
    <xf numFmtId="168" fontId="20" fillId="0" borderId="1" xfId="31"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1"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5" fontId="20" fillId="0" borderId="1" xfId="30"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5" fontId="20" fillId="4" borderId="1" xfId="30"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0"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7" fontId="19" fillId="7" borderId="1" xfId="29" applyNumberFormat="1" applyFont="1" applyFill="1" applyBorder="1" applyAlignment="1">
      <alignment horizontal="left" vertical="top" wrapText="1"/>
    </xf>
    <xf numFmtId="167" fontId="19" fillId="6" borderId="1" xfId="29"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6" fontId="20" fillId="0" borderId="1" xfId="6"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166" fontId="20" fillId="0"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8"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8"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27" applyNumberFormat="1" applyFont="1" applyFill="1" applyBorder="1" applyAlignment="1">
      <alignment horizontal="left" vertical="center"/>
    </xf>
    <xf numFmtId="168" fontId="20"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0"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8" fontId="20" fillId="4" borderId="1" xfId="36"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4" applyNumberFormat="1" applyFont="1" applyFill="1" applyBorder="1" applyAlignment="1">
      <alignment horizontal="left" vertical="center"/>
    </xf>
    <xf numFmtId="168" fontId="20" fillId="0" borderId="1" xfId="34" applyNumberFormat="1" applyFont="1" applyFill="1" applyBorder="1" applyAlignment="1">
      <alignment horizontal="left" vertical="center"/>
    </xf>
    <xf numFmtId="165" fontId="20" fillId="4" borderId="1" xfId="34" applyNumberFormat="1" applyFont="1" applyFill="1" applyBorder="1" applyAlignment="1">
      <alignment horizontal="left" vertical="center"/>
    </xf>
    <xf numFmtId="168" fontId="20" fillId="4" borderId="1" xfId="34" applyNumberFormat="1" applyFont="1" applyFill="1" applyBorder="1" applyAlignment="1">
      <alignment horizontal="left" vertical="center"/>
    </xf>
    <xf numFmtId="164" fontId="20" fillId="0" borderId="1" xfId="3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9"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9"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7" applyNumberFormat="1" applyFont="1" applyFill="1" applyBorder="1" applyAlignment="1">
      <alignment horizontal="left" vertical="center"/>
    </xf>
    <xf numFmtId="164" fontId="20" fillId="0" borderId="1" xfId="37" applyNumberFormat="1" applyFont="1" applyFill="1" applyBorder="1" applyAlignment="1">
      <alignment horizontal="left" vertical="center"/>
    </xf>
    <xf numFmtId="165" fontId="20" fillId="4" borderId="1" xfId="37" applyNumberFormat="1" applyFont="1" applyFill="1" applyBorder="1" applyAlignment="1">
      <alignment horizontal="left" vertical="center"/>
    </xf>
    <xf numFmtId="164" fontId="20" fillId="4" borderId="1" xfId="37"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4" fontId="20" fillId="0" borderId="1" xfId="32" applyNumberFormat="1" applyFont="1" applyFill="1" applyBorder="1" applyAlignment="1">
      <alignment horizontal="left" vertical="center"/>
    </xf>
    <xf numFmtId="164" fontId="20" fillId="4" borderId="1" xfId="32"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5" fillId="3" borderId="0" xfId="0" applyFont="1" applyFill="1" applyAlignment="1">
      <alignment horizontal="lef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xf numFmtId="0" fontId="32" fillId="3" borderId="0" xfId="1" quotePrefix="1" applyFont="1" applyFill="1"/>
    <xf numFmtId="0" fontId="15" fillId="0" borderId="0" xfId="3"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0" fontId="15" fillId="0" borderId="0" xfId="4" quotePrefix="1" applyFont="1" applyFill="1" applyBorder="1" applyAlignment="1">
      <alignment vertical="top" wrapText="1"/>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167" fontId="19" fillId="7" borderId="3" xfId="29"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5" quotePrefix="1" applyFont="1" applyFill="1" applyBorder="1" applyAlignment="1">
      <alignment vertical="top" wrapText="1"/>
    </xf>
    <xf numFmtId="0" fontId="19" fillId="6" borderId="1" xfId="29"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9"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9"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29" applyNumberFormat="1" applyFont="1" applyFill="1" applyBorder="1" applyAlignment="1">
      <alignment horizontal="left" vertical="center"/>
    </xf>
    <xf numFmtId="167" fontId="20" fillId="4" borderId="1" xfId="29" applyNumberFormat="1" applyFont="1" applyFill="1" applyBorder="1" applyAlignment="1">
      <alignment horizontal="left" vertical="center"/>
    </xf>
    <xf numFmtId="167" fontId="20" fillId="0" borderId="1" xfId="31" applyNumberFormat="1" applyFont="1" applyFill="1" applyBorder="1" applyAlignment="1">
      <alignment horizontal="left" vertical="center"/>
    </xf>
    <xf numFmtId="167" fontId="22" fillId="0" borderId="1" xfId="33" applyNumberFormat="1" applyFont="1" applyFill="1" applyBorder="1" applyAlignment="1">
      <alignment horizontal="left" vertical="center"/>
    </xf>
    <xf numFmtId="167" fontId="20" fillId="0" borderId="1" xfId="33" applyNumberFormat="1" applyFont="1" applyFill="1" applyBorder="1" applyAlignment="1">
      <alignment horizontal="left" vertical="center"/>
    </xf>
    <xf numFmtId="167" fontId="20" fillId="4" borderId="1" xfId="31" applyNumberFormat="1" applyFont="1" applyFill="1" applyBorder="1" applyAlignment="1">
      <alignment horizontal="left" vertical="center"/>
    </xf>
    <xf numFmtId="167" fontId="22" fillId="4" borderId="1" xfId="33" applyNumberFormat="1" applyFont="1" applyFill="1" applyBorder="1" applyAlignment="1">
      <alignment horizontal="left" vertical="center"/>
    </xf>
    <xf numFmtId="167" fontId="20" fillId="4" borderId="1" xfId="33"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0"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0" applyNumberFormat="1" applyFont="1" applyFill="1" applyBorder="1" applyAlignment="1">
      <alignment horizontal="left" vertical="center"/>
    </xf>
    <xf numFmtId="167" fontId="20" fillId="0" borderId="1" xfId="25" applyNumberFormat="1" applyFont="1" applyFill="1" applyBorder="1" applyAlignment="1">
      <alignment horizontal="left" vertical="center"/>
    </xf>
    <xf numFmtId="167" fontId="22" fillId="0" borderId="1" xfId="25" applyNumberFormat="1" applyFont="1" applyFill="1" applyBorder="1" applyAlignment="1">
      <alignment horizontal="left" vertical="center"/>
    </xf>
    <xf numFmtId="0" fontId="14" fillId="4" borderId="0" xfId="0" applyFont="1" applyFill="1" applyBorder="1" applyAlignment="1">
      <alignment vertical="top"/>
    </xf>
    <xf numFmtId="0" fontId="15" fillId="0" borderId="0" xfId="4"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6" fillId="5" borderId="6" xfId="29" quotePrefix="1" applyFont="1" applyFill="1" applyBorder="1" applyAlignment="1">
      <alignment vertical="top" wrapText="1"/>
    </xf>
    <xf numFmtId="0" fontId="16" fillId="5" borderId="2" xfId="29" quotePrefix="1" applyFont="1" applyFill="1" applyBorder="1" applyAlignment="1">
      <alignment vertical="top" wrapText="1"/>
    </xf>
    <xf numFmtId="0" fontId="0" fillId="0" borderId="0" xfId="0" applyAlignment="1"/>
    <xf numFmtId="0" fontId="0" fillId="0" borderId="0" xfId="0" applyFill="1" applyAlignment="1"/>
    <xf numFmtId="0" fontId="16" fillId="5" borderId="6" xfId="23" applyFont="1" applyFill="1" applyBorder="1" applyAlignment="1">
      <alignment vertical="top" wrapText="1"/>
    </xf>
    <xf numFmtId="0" fontId="16" fillId="5" borderId="1" xfId="23" applyFont="1" applyFill="1" applyBorder="1" applyAlignment="1">
      <alignment horizontal="left" vertical="top"/>
    </xf>
    <xf numFmtId="0" fontId="5" fillId="2" borderId="0" xfId="0" applyFont="1" applyFill="1" applyAlignment="1">
      <alignment wrapText="1"/>
    </xf>
    <xf numFmtId="0" fontId="16" fillId="5" borderId="1" xfId="29" quotePrefix="1" applyFont="1" applyFill="1" applyBorder="1" applyAlignment="1">
      <alignment horizontal="left" vertical="top" wrapText="1"/>
    </xf>
    <xf numFmtId="0" fontId="33"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6" fillId="5" borderId="1" xfId="29" quotePrefix="1" applyFont="1" applyFill="1" applyBorder="1" applyAlignment="1">
      <alignment horizontal="left" vertical="top" wrapText="1"/>
    </xf>
    <xf numFmtId="0" fontId="27" fillId="3" borderId="0" xfId="0" applyFont="1" applyFill="1" applyAlignment="1">
      <alignment vertical="top" wrapText="1"/>
    </xf>
    <xf numFmtId="0" fontId="26" fillId="3" borderId="0" xfId="0" applyFont="1" applyFill="1" applyAlignment="1">
      <alignment vertical="top" wrapText="1"/>
    </xf>
    <xf numFmtId="0" fontId="27" fillId="3" borderId="0" xfId="0" applyFont="1" applyFill="1" applyAlignment="1">
      <alignment vertical="center" wrapText="1"/>
    </xf>
    <xf numFmtId="0" fontId="26" fillId="3" borderId="0" xfId="0" applyFont="1" applyFill="1" applyBorder="1" applyAlignment="1">
      <alignment vertical="top" wrapText="1"/>
    </xf>
    <xf numFmtId="0" fontId="27" fillId="3" borderId="0" xfId="0" applyFont="1" applyFill="1" applyBorder="1" applyAlignment="1">
      <alignment vertical="top" wrapText="1"/>
    </xf>
    <xf numFmtId="0" fontId="26" fillId="3" borderId="0" xfId="0" applyFont="1" applyFill="1" applyBorder="1" applyAlignment="1">
      <alignment wrapText="1"/>
    </xf>
    <xf numFmtId="0" fontId="27" fillId="3" borderId="0" xfId="0" applyFont="1" applyFill="1" applyBorder="1" applyAlignment="1">
      <alignment wrapText="1"/>
    </xf>
    <xf numFmtId="0" fontId="26" fillId="3" borderId="0" xfId="0" applyFont="1" applyFill="1" applyAlignment="1">
      <alignment vertical="center" wrapText="1"/>
    </xf>
    <xf numFmtId="0" fontId="27" fillId="2" borderId="0" xfId="0" applyFont="1" applyFill="1" applyAlignment="1">
      <alignment wrapText="1"/>
    </xf>
    <xf numFmtId="0" fontId="16" fillId="5" borderId="6" xfId="23" applyFont="1" applyFill="1" applyBorder="1" applyAlignment="1">
      <alignment vertical="top" wrapText="1"/>
    </xf>
    <xf numFmtId="0" fontId="15" fillId="0" borderId="0" xfId="3" quotePrefix="1" applyFont="1" applyAlignment="1">
      <alignment vertical="top" wrapText="1"/>
    </xf>
    <xf numFmtId="165" fontId="20" fillId="0" borderId="1" xfId="32" applyNumberFormat="1" applyFont="1" applyBorder="1" applyAlignment="1">
      <alignment horizontal="left" vertical="center"/>
    </xf>
    <xf numFmtId="168" fontId="20" fillId="0" borderId="1" xfId="25" applyNumberFormat="1" applyFont="1" applyBorder="1" applyAlignment="1">
      <alignment horizontal="left" vertical="center"/>
    </xf>
    <xf numFmtId="168" fontId="22" fillId="0" borderId="1" xfId="25" applyNumberFormat="1" applyFont="1" applyBorder="1" applyAlignment="1">
      <alignment horizontal="left" vertical="center"/>
    </xf>
    <xf numFmtId="164" fontId="20" fillId="0" borderId="1" xfId="32" applyNumberFormat="1" applyFont="1" applyBorder="1" applyAlignment="1">
      <alignment horizontal="left" vertical="center"/>
    </xf>
    <xf numFmtId="167" fontId="22" fillId="0" borderId="1" xfId="0" applyNumberFormat="1" applyFont="1" applyBorder="1" applyAlignment="1">
      <alignment horizontal="left" vertical="center" wrapText="1"/>
    </xf>
    <xf numFmtId="0" fontId="20" fillId="0" borderId="1" xfId="24" applyFont="1" applyBorder="1" applyAlignment="1">
      <alignment horizontal="left" vertical="center" wrapText="1"/>
    </xf>
    <xf numFmtId="165" fontId="20" fillId="0" borderId="1" xfId="24" applyNumberFormat="1" applyFont="1" applyBorder="1" applyAlignment="1">
      <alignment horizontal="left" vertical="center"/>
    </xf>
    <xf numFmtId="165" fontId="20" fillId="0" borderId="1" xfId="19" applyNumberFormat="1" applyFont="1" applyBorder="1" applyAlignment="1">
      <alignment horizontal="left" vertical="center"/>
    </xf>
    <xf numFmtId="165" fontId="20" fillId="0" borderId="1" xfId="20" applyNumberFormat="1" applyFont="1" applyBorder="1" applyAlignment="1">
      <alignment horizontal="left" vertical="center"/>
    </xf>
    <xf numFmtId="164" fontId="20" fillId="0" borderId="1" xfId="20" applyNumberFormat="1" applyFont="1" applyBorder="1" applyAlignment="1">
      <alignment horizontal="left" vertical="center"/>
    </xf>
    <xf numFmtId="0" fontId="0" fillId="3" borderId="0" xfId="0" quotePrefix="1" applyFill="1"/>
    <xf numFmtId="0" fontId="0" fillId="3" borderId="0" xfId="0" applyFill="1"/>
    <xf numFmtId="0" fontId="8" fillId="3" borderId="0" xfId="0" applyFont="1" applyFill="1" applyAlignment="1">
      <alignment horizontal="left"/>
    </xf>
    <xf numFmtId="0" fontId="8" fillId="3" borderId="0" xfId="0" applyFont="1" applyFill="1"/>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1" fontId="32" fillId="3" borderId="0" xfId="1" applyNumberFormat="1" applyFont="1" applyFill="1" applyAlignment="1">
      <alignment horizontal="left"/>
    </xf>
    <xf numFmtId="0" fontId="8" fillId="3" borderId="0" xfId="0" applyFont="1" applyFill="1" applyAlignment="1">
      <alignment horizontal="left"/>
    </xf>
    <xf numFmtId="0" fontId="13" fillId="3" borderId="0" xfId="0" applyFont="1" applyFill="1" applyAlignment="1">
      <alignment horizontal="left"/>
    </xf>
    <xf numFmtId="0" fontId="3" fillId="3" borderId="0" xfId="1" applyFill="1" applyAlignment="1">
      <alignment horizontal="left"/>
    </xf>
    <xf numFmtId="0" fontId="32" fillId="3" borderId="0" xfId="1" applyFont="1" applyFill="1" applyAlignment="1">
      <alignment horizontal="left"/>
    </xf>
    <xf numFmtId="0" fontId="16" fillId="5" borderId="3" xfId="29" quotePrefix="1" applyFont="1" applyFill="1" applyBorder="1" applyAlignment="1">
      <alignment vertical="top" wrapText="1"/>
    </xf>
    <xf numFmtId="0" fontId="16" fillId="5" borderId="4" xfId="29" quotePrefix="1" applyFont="1" applyFill="1" applyBorder="1" applyAlignment="1">
      <alignment vertical="top" wrapText="1"/>
    </xf>
    <xf numFmtId="0" fontId="16" fillId="5" borderId="5" xfId="29" quotePrefix="1" applyFont="1" applyFill="1" applyBorder="1" applyAlignment="1">
      <alignment vertical="top" wrapText="1"/>
    </xf>
    <xf numFmtId="0" fontId="16" fillId="5" borderId="6" xfId="29" quotePrefix="1" applyFont="1" applyFill="1" applyBorder="1" applyAlignment="1">
      <alignment horizontal="left" vertical="top" wrapText="1"/>
    </xf>
    <xf numFmtId="0" fontId="16" fillId="5" borderId="2" xfId="29" quotePrefix="1" applyFont="1" applyFill="1" applyBorder="1" applyAlignment="1">
      <alignment horizontal="left" vertical="top" wrapText="1"/>
    </xf>
    <xf numFmtId="0" fontId="16" fillId="5" borderId="3" xfId="29" quotePrefix="1" applyFont="1" applyFill="1" applyBorder="1" applyAlignment="1">
      <alignment horizontal="left" vertical="top" wrapText="1"/>
    </xf>
    <xf numFmtId="0" fontId="16" fillId="5" borderId="4" xfId="29" quotePrefix="1" applyFont="1" applyFill="1" applyBorder="1" applyAlignment="1">
      <alignment horizontal="left" vertical="top" wrapText="1"/>
    </xf>
    <xf numFmtId="0" fontId="16" fillId="5" borderId="5" xfId="29" quotePrefix="1" applyFont="1" applyFill="1" applyBorder="1" applyAlignment="1">
      <alignment horizontal="left" vertical="top" wrapText="1"/>
    </xf>
    <xf numFmtId="0" fontId="15" fillId="0" borderId="2" xfId="29" quotePrefix="1" applyFont="1" applyFill="1" applyBorder="1" applyAlignment="1">
      <alignment horizontal="left" vertical="top" wrapText="1"/>
    </xf>
    <xf numFmtId="0" fontId="14" fillId="4" borderId="0" xfId="0" applyFont="1" applyFill="1" applyBorder="1" applyAlignment="1">
      <alignment horizontal="left" vertical="top"/>
    </xf>
    <xf numFmtId="0" fontId="15" fillId="0" borderId="2" xfId="29" quotePrefix="1" applyFont="1" applyBorder="1" applyAlignment="1">
      <alignment horizontal="left" vertical="top" wrapText="1"/>
    </xf>
    <xf numFmtId="0" fontId="14" fillId="4" borderId="0" xfId="0" applyFont="1" applyFill="1" applyBorder="1" applyAlignment="1">
      <alignment vertical="top"/>
    </xf>
    <xf numFmtId="0" fontId="15" fillId="0" borderId="0" xfId="29" applyFont="1" applyFill="1" applyBorder="1" applyAlignment="1">
      <alignment horizontal="left" vertical="top" wrapText="1"/>
    </xf>
    <xf numFmtId="0" fontId="15" fillId="0" borderId="0" xfId="29" quotePrefix="1" applyFont="1" applyFill="1" applyBorder="1" applyAlignment="1">
      <alignment horizontal="left" vertical="top" wrapText="1"/>
    </xf>
    <xf numFmtId="0" fontId="15" fillId="0" borderId="2" xfId="5" quotePrefix="1" applyFont="1" applyBorder="1" applyAlignment="1">
      <alignment vertical="top" wrapText="1"/>
    </xf>
    <xf numFmtId="0" fontId="15" fillId="0" borderId="2" xfId="5" quotePrefix="1" applyFont="1" applyBorder="1" applyAlignment="1">
      <alignment horizontal="left" vertical="top" wrapText="1"/>
    </xf>
    <xf numFmtId="0" fontId="16" fillId="5" borderId="1" xfId="23"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5" fillId="0" borderId="0" xfId="2" quotePrefix="1"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6" fillId="5" borderId="6" xfId="6" applyFont="1" applyFill="1" applyBorder="1" applyAlignment="1">
      <alignment horizontal="left" vertical="top" wrapText="1"/>
    </xf>
    <xf numFmtId="0" fontId="16" fillId="5" borderId="2" xfId="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5" fillId="0" borderId="0" xfId="29" quotePrefix="1" applyFont="1" applyAlignment="1">
      <alignment horizontal="left" vertical="top" wrapText="1"/>
    </xf>
    <xf numFmtId="167" fontId="14" fillId="4" borderId="0" xfId="0" applyNumberFormat="1" applyFont="1" applyFill="1" applyBorder="1" applyAlignment="1">
      <alignment horizontal="left" vertical="top"/>
    </xf>
    <xf numFmtId="0" fontId="16" fillId="5" borderId="6" xfId="0" applyFont="1" applyFill="1" applyBorder="1" applyAlignment="1">
      <alignment horizontal="left" vertical="top" wrapText="1"/>
    </xf>
    <xf numFmtId="0" fontId="16" fillId="5" borderId="2" xfId="0"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2" xfId="26" applyFont="1" applyBorder="1" applyAlignment="1">
      <alignment horizontal="left" vertical="top" wrapText="1"/>
    </xf>
    <xf numFmtId="0" fontId="16" fillId="5" borderId="6" xfId="26" applyFont="1" applyFill="1" applyBorder="1" applyAlignment="1">
      <alignment horizontal="left" vertical="top" wrapText="1"/>
    </xf>
    <xf numFmtId="0" fontId="16" fillId="5" borderId="2" xfId="26" applyFont="1" applyFill="1" applyBorder="1" applyAlignment="1">
      <alignment horizontal="left" vertical="top" wrapText="1"/>
    </xf>
    <xf numFmtId="0" fontId="16" fillId="5" borderId="7" xfId="26" applyFont="1" applyFill="1" applyBorder="1" applyAlignment="1">
      <alignment horizontal="lef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xf>
    <xf numFmtId="0" fontId="16" fillId="5" borderId="5" xfId="26" applyFont="1" applyFill="1" applyBorder="1" applyAlignment="1">
      <alignment horizontal="left" vertical="top"/>
    </xf>
    <xf numFmtId="0" fontId="15" fillId="0" borderId="0" xfId="2" applyFont="1" applyFill="1" applyBorder="1" applyAlignment="1">
      <alignment horizontal="left" vertical="top" wrapText="1"/>
    </xf>
    <xf numFmtId="0" fontId="30" fillId="0" borderId="2" xfId="2" quotePrefix="1" applyFont="1" applyBorder="1" applyAlignment="1">
      <alignment horizontal="left" vertical="top" wrapText="1"/>
    </xf>
    <xf numFmtId="0" fontId="15" fillId="0" borderId="0" xfId="2" applyFont="1" applyAlignment="1">
      <alignment horizontal="left" vertical="top" wrapText="1"/>
    </xf>
    <xf numFmtId="0" fontId="15" fillId="0" borderId="0" xfId="2" quotePrefix="1" applyFont="1" applyAlignment="1">
      <alignment horizontal="left" vertical="top" wrapText="1"/>
    </xf>
    <xf numFmtId="0" fontId="16" fillId="5" borderId="6" xfId="5" applyFont="1" applyFill="1" applyBorder="1" applyAlignment="1">
      <alignment vertical="top" wrapText="1"/>
    </xf>
    <xf numFmtId="0" fontId="16" fillId="5" borderId="2" xfId="5"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2" xfId="26" applyFont="1" applyFill="1" applyBorder="1" applyAlignment="1">
      <alignment horizontal="left" vertical="top"/>
    </xf>
    <xf numFmtId="0" fontId="15" fillId="0" borderId="0" xfId="5" quotePrefix="1" applyFont="1" applyAlignment="1">
      <alignment horizontal="left" vertical="top" wrapText="1"/>
    </xf>
    <xf numFmtId="0" fontId="16" fillId="5" borderId="3" xfId="26" applyFont="1" applyFill="1" applyBorder="1" applyAlignment="1">
      <alignment horizontal="left" vertical="top"/>
    </xf>
    <xf numFmtId="0" fontId="16" fillId="5" borderId="3" xfId="28" applyFont="1" applyFill="1" applyBorder="1" applyAlignment="1">
      <alignment vertical="top" wrapText="1"/>
    </xf>
    <xf numFmtId="0" fontId="16" fillId="5" borderId="4" xfId="28" applyFont="1" applyFill="1" applyBorder="1" applyAlignment="1">
      <alignment vertical="top" wrapText="1"/>
    </xf>
    <xf numFmtId="0" fontId="16" fillId="5" borderId="1" xfId="0" applyFont="1" applyFill="1" applyBorder="1" applyAlignment="1">
      <alignment horizontal="left" vertical="top"/>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horizontal="left" vertical="top" wrapText="1"/>
    </xf>
    <xf numFmtId="0" fontId="16" fillId="5" borderId="2" xfId="23" applyFont="1" applyFill="1" applyBorder="1" applyAlignment="1">
      <alignment horizontal="left" vertical="top" wrapText="1"/>
    </xf>
    <xf numFmtId="0" fontId="16" fillId="5" borderId="7" xfId="23" applyFont="1" applyFill="1" applyBorder="1" applyAlignment="1">
      <alignment horizontal="left" vertical="top" wrapText="1"/>
    </xf>
    <xf numFmtId="0" fontId="15" fillId="0" borderId="2" xfId="5" quotePrefix="1" applyFont="1" applyFill="1" applyBorder="1" applyAlignment="1">
      <alignment horizontal="left" vertical="top" wrapText="1"/>
    </xf>
    <xf numFmtId="0" fontId="16" fillId="5" borderId="1" xfId="29" quotePrefix="1" applyFont="1" applyFill="1" applyBorder="1" applyAlignment="1">
      <alignment horizontal="left" vertical="top" wrapText="1"/>
    </xf>
    <xf numFmtId="0" fontId="16" fillId="5" borderId="1" xfId="0" applyFont="1" applyFill="1" applyBorder="1" applyAlignment="1">
      <alignment horizontal="left" vertical="top" wrapText="1"/>
    </xf>
    <xf numFmtId="0" fontId="15" fillId="0" borderId="0" xfId="4" quotePrefix="1"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4" xfId="23" applyFont="1" applyFill="1" applyBorder="1" applyAlignment="1">
      <alignment horizontal="left" vertical="top"/>
    </xf>
    <xf numFmtId="0" fontId="16" fillId="5" borderId="5" xfId="23" applyFont="1" applyFill="1" applyBorder="1" applyAlignment="1">
      <alignment horizontal="left" vertical="top"/>
    </xf>
    <xf numFmtId="0" fontId="15" fillId="0" borderId="2" xfId="4" quotePrefix="1" applyFont="1" applyFill="1" applyBorder="1" applyAlignment="1">
      <alignment horizontal="left" vertical="top" wrapText="1"/>
    </xf>
    <xf numFmtId="0" fontId="15" fillId="0" borderId="0" xfId="4" quotePrefix="1" applyFont="1" applyFill="1" applyBorder="1" applyAlignment="1">
      <alignment vertical="top" wrapText="1"/>
    </xf>
    <xf numFmtId="0" fontId="16" fillId="5" borderId="1" xfId="0" quotePrefix="1" applyFont="1" applyFill="1" applyBorder="1" applyAlignment="1">
      <alignment horizontal="left" vertical="top" wrapText="1"/>
    </xf>
    <xf numFmtId="0" fontId="15" fillId="0" borderId="0" xfId="7" quotePrefix="1" applyFont="1" applyAlignment="1">
      <alignment horizontal="left" vertical="top" wrapText="1"/>
    </xf>
    <xf numFmtId="0" fontId="16" fillId="5" borderId="1" xfId="23" quotePrefix="1" applyFont="1" applyFill="1" applyBorder="1" applyAlignment="1">
      <alignment horizontal="lef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6" fillId="5" borderId="1" xfId="23" applyFont="1" applyFill="1" applyBorder="1" applyAlignment="1">
      <alignment horizontal="left" vertical="top"/>
    </xf>
    <xf numFmtId="0" fontId="15" fillId="0" borderId="2" xfId="3" quotePrefix="1" applyFont="1" applyFill="1" applyBorder="1" applyAlignment="1">
      <alignment horizontal="left" vertical="top" wrapText="1"/>
    </xf>
    <xf numFmtId="0" fontId="15" fillId="0" borderId="0" xfId="3" quotePrefix="1" applyFont="1" applyAlignment="1">
      <alignment horizontal="left" vertical="top" wrapText="1"/>
    </xf>
    <xf numFmtId="0" fontId="16" fillId="5" borderId="8" xfId="23" applyFont="1" applyFill="1" applyBorder="1" applyAlignment="1">
      <alignment horizontal="left" vertical="top" wrapText="1"/>
    </xf>
    <xf numFmtId="0" fontId="16" fillId="5" borderId="9" xfId="23" applyFont="1" applyFill="1" applyBorder="1" applyAlignment="1">
      <alignment horizontal="left" vertical="top" wrapText="1"/>
    </xf>
    <xf numFmtId="0" fontId="16" fillId="5" borderId="10" xfId="23" applyFont="1" applyFill="1" applyBorder="1" applyAlignment="1">
      <alignment horizontal="left" vertical="top" wrapText="1"/>
    </xf>
    <xf numFmtId="0" fontId="16" fillId="5" borderId="11" xfId="23" applyFont="1" applyFill="1" applyBorder="1" applyAlignment="1">
      <alignment horizontal="left" vertical="top" wrapText="1"/>
    </xf>
    <xf numFmtId="0" fontId="16" fillId="5" borderId="0" xfId="23" applyFont="1" applyFill="1" applyBorder="1" applyAlignment="1">
      <alignment horizontal="left" vertical="top" wrapText="1"/>
    </xf>
    <xf numFmtId="0" fontId="15" fillId="0" borderId="0" xfId="3" quotePrefix="1" applyFont="1" applyBorder="1" applyAlignment="1">
      <alignment horizontal="left" vertical="top" wrapText="1"/>
    </xf>
    <xf numFmtId="0" fontId="14" fillId="4" borderId="0" xfId="0" applyFont="1" applyFill="1" applyAlignment="1">
      <alignment horizontal="left" vertical="top"/>
    </xf>
    <xf numFmtId="0" fontId="15" fillId="0" borderId="2" xfId="3" quotePrefix="1" applyFont="1" applyBorder="1" applyAlignment="1">
      <alignment horizontal="left" vertical="top" wrapText="1"/>
    </xf>
    <xf numFmtId="0" fontId="14" fillId="4" borderId="0" xfId="0" applyFont="1" applyFill="1" applyBorder="1" applyAlignment="1">
      <alignment horizontal="left" vertical="top" wrapText="1"/>
    </xf>
    <xf numFmtId="0" fontId="15" fillId="0" borderId="0" xfId="3" quotePrefix="1" applyFont="1" applyFill="1" applyBorder="1" applyAlignment="1">
      <alignment horizontal="left" vertical="top" wrapText="1"/>
    </xf>
    <xf numFmtId="0" fontId="15" fillId="0" borderId="2" xfId="3" quotePrefix="1" applyFont="1" applyFill="1" applyBorder="1" applyAlignment="1">
      <alignment vertical="top" wrapText="1"/>
    </xf>
  </cellXfs>
  <cellStyles count="39">
    <cellStyle name="Hyperlink" xfId="1" builtinId="8"/>
    <cellStyle name="Normal" xfId="0" builtinId="0"/>
    <cellStyle name="Normal 2" xfId="38"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7000000}"/>
    <cellStyle name="Normal_Equity" xfId="7" xr:uid="{00000000-0005-0000-0000-000008000000}"/>
    <cellStyle name="Normal_FamilyFriends" xfId="8" xr:uid="{00000000-0005-0000-0000-000009000000}"/>
    <cellStyle name="Normal_GenHealth" xfId="9" xr:uid="{00000000-0005-0000-0000-00000A000000}"/>
    <cellStyle name="Normal_GettingInvolved" xfId="10" xr:uid="{00000000-0005-0000-0000-00000B000000}"/>
    <cellStyle name="Normal_HouseholdFinance" xfId="11" xr:uid="{00000000-0005-0000-0000-00000C000000}"/>
    <cellStyle name="Normal_HouseholdFinWB" xfId="12" xr:uid="{00000000-0005-0000-0000-00000D000000}"/>
    <cellStyle name="Normal_K10" xfId="13" xr:uid="{00000000-0005-0000-0000-00000E000000}"/>
    <cellStyle name="Normal_liveability" xfId="14" xr:uid="{00000000-0005-0000-0000-00000F000000}"/>
    <cellStyle name="Normal_Mean2" xfId="15" xr:uid="{00000000-0005-0000-0000-000010000000}"/>
    <cellStyle name="Normal_Migration" xfId="16" xr:uid="{00000000-0005-0000-0000-000011000000}"/>
    <cellStyle name="Normal_NaturalCap" xfId="17" xr:uid="{00000000-0005-0000-0000-000012000000}"/>
    <cellStyle name="Normal_PhysCrime" xfId="18" xr:uid="{00000000-0005-0000-0000-000013000000}"/>
    <cellStyle name="Normal_PhysFinance" xfId="19" xr:uid="{00000000-0005-0000-0000-000014000000}"/>
    <cellStyle name="Normal_PhysLandscape" xfId="20" xr:uid="{00000000-0005-0000-0000-000015000000}"/>
    <cellStyle name="Normal_PhysTelecom" xfId="21" xr:uid="{00000000-0005-0000-0000-000016000000}"/>
    <cellStyle name="Normal_PWI_1" xfId="22" xr:uid="{00000000-0005-0000-0000-000017000000}"/>
    <cellStyle name="Normal_Self efficacy" xfId="23" xr:uid="{00000000-0005-0000-0000-000018000000}"/>
    <cellStyle name="Normal_Sheet1" xfId="24" xr:uid="{00000000-0005-0000-0000-000019000000}"/>
    <cellStyle name="Normal_Sheet1_1" xfId="25" xr:uid="{00000000-0005-0000-0000-00001A000000}"/>
    <cellStyle name="Normal_Sheet10" xfId="26" xr:uid="{00000000-0005-0000-0000-00001B000000}"/>
    <cellStyle name="Normal_Sheet12" xfId="27" xr:uid="{00000000-0005-0000-0000-00001C000000}"/>
    <cellStyle name="Normal_Sheet13" xfId="28" xr:uid="{00000000-0005-0000-0000-00001D000000}"/>
    <cellStyle name="Normal_Sheet2_1" xfId="29" xr:uid="{00000000-0005-0000-0000-00001E000000}"/>
    <cellStyle name="Normal_Sheet4" xfId="30" xr:uid="{00000000-0005-0000-0000-00001F000000}"/>
    <cellStyle name="Normal_Sheet5" xfId="31" xr:uid="{00000000-0005-0000-0000-000020000000}"/>
    <cellStyle name="Normal_Sheet5_1" xfId="32" xr:uid="{00000000-0005-0000-0000-000021000000}"/>
    <cellStyle name="Normal_Sheet6" xfId="33" xr:uid="{00000000-0005-0000-0000-000022000000}"/>
    <cellStyle name="Normal_Sheet7" xfId="34" xr:uid="{00000000-0005-0000-0000-000023000000}"/>
    <cellStyle name="Normal_Sheet7_1" xfId="35" xr:uid="{00000000-0005-0000-0000-000024000000}"/>
    <cellStyle name="Normal_Sheet8" xfId="36" xr:uid="{00000000-0005-0000-0000-000025000000}"/>
    <cellStyle name="Normal_Volunteering" xfId="37" xr:uid="{00000000-0005-0000-0000-000026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0</xdr:col>
      <xdr:colOff>482598</xdr:colOff>
      <xdr:row>35</xdr:row>
      <xdr:rowOff>19050</xdr:rowOff>
    </xdr:to>
    <xdr:pic>
      <xdr:nvPicPr>
        <xdr:cNvPr id="4" name="Picture 3">
          <a:extLst>
            <a:ext uri="{FF2B5EF4-FFF2-40B4-BE49-F238E27FC236}">
              <a16:creationId xmlns:a16="http://schemas.microsoft.com/office/drawing/2014/main" id="{AB8058C1-5F3C-4633-B7E3-43684986BEDE}"/>
            </a:ext>
          </a:extLst>
        </xdr:cNvPr>
        <xdr:cNvPicPr>
          <a:picLocks noChangeAspect="1"/>
        </xdr:cNvPicPr>
      </xdr:nvPicPr>
      <xdr:blipFill>
        <a:blip xmlns:r="http://schemas.openxmlformats.org/officeDocument/2006/relationships" r:embed="rId1"/>
        <a:stretch>
          <a:fillRect/>
        </a:stretch>
      </xdr:blipFill>
      <xdr:spPr>
        <a:xfrm>
          <a:off x="0" y="0"/>
          <a:ext cx="12293598" cy="6915150"/>
        </a:xfrm>
        <a:prstGeom prst="rect">
          <a:avLst/>
        </a:prstGeom>
      </xdr:spPr>
    </xdr:pic>
    <xdr:clientData/>
  </xdr:twoCellAnchor>
</xdr:wsDr>
</file>

<file path=xl/theme/theme1.xml><?xml version="1.0" encoding="utf-8"?>
<a:theme xmlns:a="http://schemas.openxmlformats.org/drawingml/2006/main" name="Kilter">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V1" sqref="V1"/>
    </sheetView>
  </sheetViews>
  <sheetFormatPr defaultColWidth="8.85546875" defaultRowHeight="15"/>
  <cols>
    <col min="1" max="16384" width="8.85546875" style="2"/>
  </cols>
  <sheetData>
    <row r="1" spans="11:19" ht="23.25">
      <c r="Q1" s="223"/>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S232"/>
  <sheetViews>
    <sheetView zoomScaleNormal="100" workbookViewId="0"/>
  </sheetViews>
  <sheetFormatPr defaultColWidth="18.5703125" defaultRowHeight="15"/>
  <cols>
    <col min="1" max="1" width="44.140625" customWidth="1"/>
  </cols>
  <sheetData>
    <row r="1" spans="1:4" ht="31.5">
      <c r="A1" s="30" t="s">
        <v>44</v>
      </c>
    </row>
    <row r="3" spans="1:4" ht="18.75">
      <c r="A3" s="344" t="s">
        <v>12</v>
      </c>
      <c r="B3" s="344"/>
      <c r="C3" s="344"/>
      <c r="D3" s="344"/>
    </row>
    <row r="4" spans="1:4" ht="105" customHeight="1">
      <c r="A4" s="402" t="s">
        <v>394</v>
      </c>
      <c r="B4" s="402"/>
      <c r="C4" s="402"/>
      <c r="D4" s="402"/>
    </row>
    <row r="5" spans="1:4" ht="42" customHeight="1">
      <c r="A5" s="400" t="s">
        <v>129</v>
      </c>
      <c r="B5" s="400"/>
      <c r="C5" s="400"/>
      <c r="D5" s="400"/>
    </row>
    <row r="6" spans="1:4" ht="36.75" customHeight="1">
      <c r="A6" s="32" t="s">
        <v>71</v>
      </c>
      <c r="B6" s="33" t="s">
        <v>72</v>
      </c>
      <c r="C6" s="34" t="s">
        <v>592</v>
      </c>
      <c r="D6" s="35" t="s">
        <v>73</v>
      </c>
    </row>
    <row r="7" spans="1:4" ht="75.75" customHeight="1">
      <c r="A7" s="36"/>
      <c r="B7" s="37" t="s">
        <v>74</v>
      </c>
      <c r="C7" s="123" t="s">
        <v>130</v>
      </c>
      <c r="D7" s="39" t="s">
        <v>76</v>
      </c>
    </row>
    <row r="8" spans="1:4">
      <c r="A8" s="40" t="s">
        <v>350</v>
      </c>
      <c r="B8" s="173">
        <v>13948</v>
      </c>
      <c r="C8" s="79">
        <v>4.3597467015894189</v>
      </c>
      <c r="D8" s="80">
        <v>2.1353460682569127E-2</v>
      </c>
    </row>
    <row r="9" spans="1:4">
      <c r="A9" s="44" t="s">
        <v>351</v>
      </c>
      <c r="B9" s="44">
        <v>10229</v>
      </c>
      <c r="C9" s="175">
        <v>4.4106820270049285</v>
      </c>
      <c r="D9" s="127">
        <v>2.4717745520724196E-2</v>
      </c>
    </row>
    <row r="10" spans="1:4">
      <c r="A10" s="40" t="s">
        <v>352</v>
      </c>
      <c r="B10" s="48">
        <v>3719</v>
      </c>
      <c r="C10" s="79">
        <v>4.3184386492961995</v>
      </c>
      <c r="D10" s="80">
        <v>4.2072624713376271E-2</v>
      </c>
    </row>
    <row r="11" spans="1:4">
      <c r="A11" s="44" t="s">
        <v>534</v>
      </c>
      <c r="B11" s="44">
        <v>3209</v>
      </c>
      <c r="C11" s="175">
        <v>4.4733783201593722</v>
      </c>
      <c r="D11" s="127">
        <v>4.3056256009352277E-2</v>
      </c>
    </row>
    <row r="12" spans="1:4">
      <c r="A12" s="40" t="s">
        <v>535</v>
      </c>
      <c r="B12" s="48">
        <v>2522</v>
      </c>
      <c r="C12" s="79">
        <v>4.6043499374241419</v>
      </c>
      <c r="D12" s="80">
        <v>4.7844549296363531E-2</v>
      </c>
    </row>
    <row r="13" spans="1:4">
      <c r="A13" s="44" t="s">
        <v>536</v>
      </c>
      <c r="B13" s="44">
        <v>369</v>
      </c>
      <c r="C13" s="175">
        <v>4.5675684939194117</v>
      </c>
      <c r="D13" s="127">
        <v>0.12044537933557806</v>
      </c>
    </row>
    <row r="14" spans="1:4">
      <c r="A14" s="40" t="s">
        <v>537</v>
      </c>
      <c r="B14" s="48">
        <v>86</v>
      </c>
      <c r="C14" s="79">
        <v>4.7156445624845942</v>
      </c>
      <c r="D14" s="80">
        <v>0.26310238044653667</v>
      </c>
    </row>
    <row r="15" spans="1:4">
      <c r="A15" s="44" t="s">
        <v>538</v>
      </c>
      <c r="B15" s="44">
        <v>65</v>
      </c>
      <c r="C15" s="175">
        <v>4.340365466245534</v>
      </c>
      <c r="D15" s="127">
        <v>0.29709785830530483</v>
      </c>
    </row>
    <row r="16" spans="1:4">
      <c r="A16" s="40" t="s">
        <v>539</v>
      </c>
      <c r="B16" s="48">
        <v>64</v>
      </c>
      <c r="C16" s="79">
        <v>4.5258365866482722</v>
      </c>
      <c r="D16" s="80">
        <v>0.28974179650505261</v>
      </c>
    </row>
    <row r="17" spans="1:25">
      <c r="A17" s="44" t="s">
        <v>540</v>
      </c>
      <c r="B17" s="44">
        <v>77</v>
      </c>
      <c r="C17" s="175">
        <v>4.6361365283078859</v>
      </c>
      <c r="D17" s="127">
        <v>0.2372535694111832</v>
      </c>
    </row>
    <row r="18" spans="1:25">
      <c r="A18" s="40" t="s">
        <v>541</v>
      </c>
      <c r="B18" s="173">
        <v>77</v>
      </c>
      <c r="C18" s="79">
        <v>4.5898806020945102</v>
      </c>
      <c r="D18" s="80">
        <v>0.26324809628039858</v>
      </c>
    </row>
    <row r="19" spans="1:25">
      <c r="A19" s="44" t="s">
        <v>542</v>
      </c>
      <c r="B19" s="174">
        <v>610</v>
      </c>
      <c r="C19" s="175">
        <v>4.6974752614451196</v>
      </c>
      <c r="D19" s="127">
        <v>9.990386069263886E-2</v>
      </c>
    </row>
    <row r="20" spans="1:25">
      <c r="A20" s="40" t="s">
        <v>543</v>
      </c>
      <c r="B20" s="78">
        <v>59</v>
      </c>
      <c r="C20" s="79">
        <v>4.8867592469857142</v>
      </c>
      <c r="D20" s="80">
        <v>0.25419903861891752</v>
      </c>
      <c r="P20" s="238"/>
      <c r="Q20" s="238"/>
      <c r="R20" s="238"/>
      <c r="S20" s="238"/>
      <c r="T20" s="238"/>
      <c r="U20" s="238"/>
      <c r="V20" s="238"/>
      <c r="W20" s="238"/>
      <c r="X20" s="238"/>
      <c r="Y20" s="238"/>
    </row>
    <row r="21" spans="1:25">
      <c r="A21" s="44" t="s">
        <v>550</v>
      </c>
      <c r="B21" s="174">
        <v>108</v>
      </c>
      <c r="C21" s="175">
        <v>4.5223475363612744</v>
      </c>
      <c r="D21" s="127">
        <v>0.27825977508327315</v>
      </c>
      <c r="P21" s="238"/>
      <c r="Q21" s="238"/>
      <c r="R21" s="238"/>
      <c r="S21" s="238"/>
      <c r="T21" s="238"/>
      <c r="U21" s="238"/>
      <c r="V21" s="238"/>
      <c r="W21" s="238"/>
      <c r="X21" s="238"/>
      <c r="Y21" s="238"/>
    </row>
    <row r="22" spans="1:25">
      <c r="A22" s="52" t="s">
        <v>544</v>
      </c>
      <c r="B22" s="173">
        <v>121</v>
      </c>
      <c r="C22" s="79">
        <v>4.6604290498015581</v>
      </c>
      <c r="D22" s="80">
        <v>0.21123367624771272</v>
      </c>
      <c r="P22" s="238"/>
      <c r="Q22" s="238"/>
      <c r="R22" s="238"/>
      <c r="S22" s="238"/>
      <c r="T22" s="238"/>
      <c r="U22" s="238"/>
      <c r="V22" s="238"/>
      <c r="W22" s="238"/>
      <c r="X22" s="238"/>
      <c r="Y22" s="238"/>
    </row>
    <row r="23" spans="1:25">
      <c r="A23" s="44" t="s">
        <v>545</v>
      </c>
      <c r="B23" s="174">
        <v>155</v>
      </c>
      <c r="C23" s="175">
        <v>4.6792673834010774</v>
      </c>
      <c r="D23" s="127">
        <v>0.19156013592798127</v>
      </c>
      <c r="P23" s="238"/>
      <c r="Q23" s="238"/>
      <c r="R23" s="238"/>
      <c r="S23" s="238"/>
      <c r="T23" s="238"/>
      <c r="U23" s="238"/>
      <c r="V23" s="238"/>
      <c r="W23" s="238"/>
      <c r="X23" s="238"/>
      <c r="Y23" s="238"/>
    </row>
    <row r="24" spans="1:25">
      <c r="A24" s="52" t="s">
        <v>546</v>
      </c>
      <c r="B24" s="173">
        <v>72</v>
      </c>
      <c r="C24" s="79">
        <v>4.9365455957618813</v>
      </c>
      <c r="D24" s="80">
        <v>0.27921072150271609</v>
      </c>
      <c r="P24" s="238"/>
      <c r="Q24" s="238"/>
      <c r="R24" s="238"/>
      <c r="S24" s="238"/>
      <c r="T24" s="238"/>
      <c r="U24" s="238"/>
      <c r="V24" s="238"/>
      <c r="W24" s="238"/>
      <c r="X24" s="238"/>
      <c r="Y24" s="238"/>
    </row>
    <row r="25" spans="1:25">
      <c r="A25" s="44" t="s">
        <v>547</v>
      </c>
      <c r="B25" s="174">
        <v>95</v>
      </c>
      <c r="C25" s="175">
        <v>4.7051773243308723</v>
      </c>
      <c r="D25" s="127">
        <v>0.27189211447276407</v>
      </c>
      <c r="P25" s="238"/>
      <c r="Q25" s="238"/>
      <c r="R25" s="238"/>
      <c r="S25" s="238"/>
      <c r="T25" s="238"/>
      <c r="U25" s="238"/>
      <c r="V25" s="238"/>
      <c r="W25" s="238"/>
      <c r="X25" s="238"/>
      <c r="Y25" s="238"/>
    </row>
    <row r="26" spans="1:25">
      <c r="A26" s="52" t="s">
        <v>551</v>
      </c>
      <c r="B26" s="173">
        <v>759</v>
      </c>
      <c r="C26" s="79">
        <v>4.4215373714943631</v>
      </c>
      <c r="D26" s="80">
        <v>9.244774594569681E-2</v>
      </c>
      <c r="P26" s="238"/>
      <c r="Q26" s="238"/>
      <c r="R26" s="238"/>
      <c r="S26" s="238"/>
      <c r="T26" s="238"/>
      <c r="U26" s="238"/>
      <c r="V26" s="238"/>
      <c r="W26" s="238"/>
      <c r="X26" s="238"/>
      <c r="Y26" s="238"/>
    </row>
    <row r="27" spans="1:25">
      <c r="A27" s="44" t="s">
        <v>552</v>
      </c>
      <c r="B27" s="174">
        <v>210</v>
      </c>
      <c r="C27" s="175">
        <v>4.5296303150923301</v>
      </c>
      <c r="D27" s="127">
        <v>0.17330473461913332</v>
      </c>
      <c r="P27" s="238"/>
      <c r="Q27" s="238"/>
      <c r="R27" s="238"/>
      <c r="S27" s="238"/>
      <c r="T27" s="238"/>
      <c r="U27" s="238"/>
      <c r="V27" s="238"/>
      <c r="W27" s="238"/>
      <c r="X27" s="238"/>
      <c r="Y27" s="238"/>
    </row>
    <row r="28" spans="1:25">
      <c r="A28" s="52" t="s">
        <v>553</v>
      </c>
      <c r="B28" s="173">
        <v>272</v>
      </c>
      <c r="C28" s="79">
        <v>4.3557906299185216</v>
      </c>
      <c r="D28" s="80">
        <v>0.15239235762145675</v>
      </c>
      <c r="P28" s="238"/>
      <c r="Q28" s="238"/>
      <c r="R28" s="238"/>
      <c r="S28" s="238"/>
      <c r="T28" s="238"/>
      <c r="U28" s="238"/>
      <c r="V28" s="238"/>
      <c r="W28" s="238"/>
      <c r="X28" s="238"/>
      <c r="Y28" s="238"/>
    </row>
    <row r="29" spans="1:25">
      <c r="A29" s="44" t="s">
        <v>554</v>
      </c>
      <c r="B29" s="174">
        <v>242</v>
      </c>
      <c r="C29" s="175">
        <v>4.3554717620587766</v>
      </c>
      <c r="D29" s="127">
        <v>0.16817893396504593</v>
      </c>
      <c r="P29" s="238"/>
      <c r="Q29" s="238"/>
      <c r="R29" s="238"/>
      <c r="S29" s="238"/>
      <c r="T29" s="238"/>
      <c r="U29" s="238"/>
      <c r="V29" s="238"/>
      <c r="W29" s="238"/>
      <c r="X29" s="238"/>
      <c r="Y29" s="238"/>
    </row>
    <row r="30" spans="1:25">
      <c r="P30" s="238"/>
      <c r="Q30" s="238"/>
      <c r="R30" s="238"/>
      <c r="S30" s="238"/>
      <c r="T30" s="238"/>
      <c r="U30" s="238"/>
      <c r="V30" s="238"/>
      <c r="W30" s="238"/>
      <c r="X30" s="238"/>
      <c r="Y30" s="238"/>
    </row>
    <row r="31" spans="1:25">
      <c r="P31" s="238"/>
      <c r="Q31" s="238"/>
      <c r="R31" s="238"/>
      <c r="S31" s="238"/>
      <c r="T31" s="238"/>
      <c r="U31" s="238"/>
      <c r="V31" s="238"/>
      <c r="W31" s="238"/>
      <c r="X31" s="238"/>
      <c r="Y31" s="238"/>
    </row>
    <row r="32" spans="1:25" ht="18.75">
      <c r="A32" s="344" t="s">
        <v>45</v>
      </c>
      <c r="B32" s="344"/>
      <c r="C32" s="344"/>
      <c r="D32" s="344"/>
      <c r="E32" s="344"/>
      <c r="F32" s="344"/>
      <c r="G32" s="344"/>
      <c r="H32" s="344"/>
      <c r="I32" s="344"/>
      <c r="J32" s="344"/>
      <c r="K32" s="344"/>
      <c r="L32" s="344"/>
      <c r="M32" s="344"/>
      <c r="N32" s="344"/>
      <c r="O32" s="344"/>
      <c r="P32" s="344"/>
      <c r="Q32" s="344"/>
      <c r="R32" s="344"/>
      <c r="S32" s="344"/>
      <c r="T32" s="344"/>
      <c r="U32" s="344"/>
      <c r="V32" s="344"/>
      <c r="W32" s="238"/>
      <c r="X32" s="238"/>
      <c r="Y32" s="238"/>
    </row>
    <row r="33" spans="1:45" ht="66" customHeight="1">
      <c r="A33" s="408" t="s">
        <v>594</v>
      </c>
      <c r="B33" s="408"/>
      <c r="C33" s="408"/>
      <c r="D33" s="408"/>
      <c r="E33" s="408"/>
      <c r="F33" s="408"/>
      <c r="G33" s="408"/>
      <c r="H33" s="408"/>
      <c r="I33" s="408"/>
      <c r="J33" s="408"/>
      <c r="K33" s="408"/>
      <c r="L33" s="408"/>
      <c r="M33" s="408"/>
      <c r="N33" s="408"/>
      <c r="O33" s="408"/>
      <c r="P33" s="408"/>
      <c r="Q33" s="408"/>
      <c r="R33" s="408"/>
      <c r="S33" s="408"/>
      <c r="T33" s="408"/>
      <c r="U33" s="408"/>
      <c r="V33" s="408"/>
      <c r="W33" s="238"/>
      <c r="X33" s="238"/>
      <c r="Y33" s="238"/>
    </row>
    <row r="34" spans="1:45" ht="37.5" customHeight="1">
      <c r="A34" s="59"/>
      <c r="B34" s="351" t="s">
        <v>272</v>
      </c>
      <c r="C34" s="415"/>
      <c r="D34" s="415"/>
      <c r="E34" s="415"/>
      <c r="F34" s="415"/>
      <c r="G34" s="415"/>
      <c r="H34" s="415"/>
      <c r="I34" s="351" t="s">
        <v>395</v>
      </c>
      <c r="J34" s="415"/>
      <c r="K34" s="415"/>
      <c r="L34" s="415"/>
      <c r="M34" s="415"/>
      <c r="N34" s="415"/>
      <c r="O34" s="415"/>
      <c r="P34" s="292" t="s">
        <v>273</v>
      </c>
      <c r="Q34" s="292"/>
      <c r="R34" s="292"/>
      <c r="S34" s="292"/>
      <c r="T34" s="292"/>
      <c r="U34" s="292"/>
      <c r="V34" s="292"/>
      <c r="W34" s="290"/>
      <c r="X34" s="290"/>
      <c r="Y34" s="289"/>
      <c r="Z34" s="289"/>
      <c r="AA34" s="289"/>
      <c r="AB34" s="289"/>
      <c r="AC34" s="289"/>
      <c r="AD34" s="289"/>
      <c r="AE34" s="289"/>
      <c r="AF34" s="289"/>
      <c r="AG34" s="289"/>
      <c r="AH34" s="289"/>
      <c r="AI34" s="289"/>
      <c r="AJ34" s="289"/>
      <c r="AK34" s="289"/>
      <c r="AL34" s="289"/>
      <c r="AM34" s="289"/>
      <c r="AN34" s="289"/>
      <c r="AO34" s="289"/>
      <c r="AP34" s="289"/>
      <c r="AQ34" s="289"/>
      <c r="AR34" s="289"/>
      <c r="AS34" s="289"/>
    </row>
    <row r="35" spans="1:45" ht="37.5" customHeight="1">
      <c r="A35" s="32" t="s">
        <v>71</v>
      </c>
      <c r="B35" s="33" t="s">
        <v>72</v>
      </c>
      <c r="C35" s="33" t="s">
        <v>131</v>
      </c>
      <c r="D35" s="84" t="s">
        <v>322</v>
      </c>
      <c r="E35" s="33" t="s">
        <v>132</v>
      </c>
      <c r="F35" s="84" t="s">
        <v>323</v>
      </c>
      <c r="G35" s="33" t="s">
        <v>133</v>
      </c>
      <c r="H35" s="84" t="s">
        <v>324</v>
      </c>
      <c r="I35" s="33" t="s">
        <v>72</v>
      </c>
      <c r="J35" s="33" t="s">
        <v>131</v>
      </c>
      <c r="K35" s="84" t="s">
        <v>322</v>
      </c>
      <c r="L35" s="33" t="s">
        <v>132</v>
      </c>
      <c r="M35" s="84" t="s">
        <v>323</v>
      </c>
      <c r="N35" s="33" t="s">
        <v>133</v>
      </c>
      <c r="O35" s="84" t="s">
        <v>324</v>
      </c>
      <c r="P35" s="33" t="s">
        <v>72</v>
      </c>
      <c r="Q35" s="33" t="s">
        <v>131</v>
      </c>
      <c r="R35" s="84" t="s">
        <v>322</v>
      </c>
      <c r="S35" s="33" t="s">
        <v>132</v>
      </c>
      <c r="T35" s="84" t="s">
        <v>323</v>
      </c>
      <c r="U35" s="33" t="s">
        <v>133</v>
      </c>
      <c r="V35" s="84" t="s">
        <v>324</v>
      </c>
    </row>
    <row r="36" spans="1:45" ht="71.25" customHeight="1">
      <c r="A36" s="36"/>
      <c r="B36" s="37" t="s">
        <v>74</v>
      </c>
      <c r="C36" s="37" t="s">
        <v>159</v>
      </c>
      <c r="D36" s="86" t="s">
        <v>88</v>
      </c>
      <c r="E36" s="37" t="s">
        <v>160</v>
      </c>
      <c r="F36" s="86" t="s">
        <v>88</v>
      </c>
      <c r="G36" s="37" t="s">
        <v>161</v>
      </c>
      <c r="H36" s="86" t="s">
        <v>88</v>
      </c>
      <c r="I36" s="37" t="s">
        <v>74</v>
      </c>
      <c r="J36" s="37" t="s">
        <v>159</v>
      </c>
      <c r="K36" s="86" t="s">
        <v>88</v>
      </c>
      <c r="L36" s="37" t="s">
        <v>160</v>
      </c>
      <c r="M36" s="86" t="s">
        <v>88</v>
      </c>
      <c r="N36" s="37" t="s">
        <v>161</v>
      </c>
      <c r="O36" s="86" t="s">
        <v>88</v>
      </c>
      <c r="P36" s="37" t="s">
        <v>74</v>
      </c>
      <c r="Q36" s="37" t="s">
        <v>159</v>
      </c>
      <c r="R36" s="86" t="s">
        <v>88</v>
      </c>
      <c r="S36" s="37" t="s">
        <v>160</v>
      </c>
      <c r="T36" s="86" t="s">
        <v>88</v>
      </c>
      <c r="U36" s="37" t="s">
        <v>161</v>
      </c>
      <c r="V36" s="86" t="s">
        <v>88</v>
      </c>
    </row>
    <row r="37" spans="1:45">
      <c r="A37" s="40" t="s">
        <v>350</v>
      </c>
      <c r="B37" s="173">
        <v>13907</v>
      </c>
      <c r="C37" s="176">
        <v>0.19903370812084747</v>
      </c>
      <c r="D37" s="89">
        <v>6.7716139356468969E-3</v>
      </c>
      <c r="E37" s="176">
        <v>0.1808553717156379</v>
      </c>
      <c r="F37" s="89">
        <v>6.5280375946062024E-3</v>
      </c>
      <c r="G37" s="176">
        <v>0.62011092016352953</v>
      </c>
      <c r="H37" s="89">
        <v>8.2304117240146954E-3</v>
      </c>
      <c r="I37" s="173">
        <v>13846</v>
      </c>
      <c r="J37" s="176">
        <v>0.35481886527751455</v>
      </c>
      <c r="K37" s="89">
        <v>8.1313159600783225E-3</v>
      </c>
      <c r="L37" s="176">
        <v>0.17642583432258463</v>
      </c>
      <c r="M37" s="89">
        <v>6.4792972664904922E-3</v>
      </c>
      <c r="N37" s="176">
        <v>0.46875530039991631</v>
      </c>
      <c r="O37" s="89">
        <v>8.4805887091058737E-3</v>
      </c>
      <c r="P37" s="173">
        <v>13940</v>
      </c>
      <c r="Q37" s="176">
        <v>0.34225069035955757</v>
      </c>
      <c r="R37" s="89">
        <v>8.0362316068750099E-3</v>
      </c>
      <c r="S37" s="176">
        <v>0.17414298561198138</v>
      </c>
      <c r="T37" s="89">
        <v>6.4244163883877669E-3</v>
      </c>
      <c r="U37" s="176">
        <v>0.48360632402847759</v>
      </c>
      <c r="V37" s="89">
        <v>8.4639460387044112E-3</v>
      </c>
    </row>
    <row r="38" spans="1:45">
      <c r="A38" s="44" t="s">
        <v>351</v>
      </c>
      <c r="B38" s="174">
        <v>10202</v>
      </c>
      <c r="C38" s="177">
        <v>0.20167199965186186</v>
      </c>
      <c r="D38" s="92">
        <v>7.9452899268931173E-3</v>
      </c>
      <c r="E38" s="177">
        <v>0.17183980488545875</v>
      </c>
      <c r="F38" s="92">
        <v>7.4705059153115571E-3</v>
      </c>
      <c r="G38" s="177">
        <v>0.62648819546267309</v>
      </c>
      <c r="H38" s="92">
        <v>9.5768450548990268E-3</v>
      </c>
      <c r="I38" s="174">
        <v>10151</v>
      </c>
      <c r="J38" s="177">
        <v>0.32941325567448487</v>
      </c>
      <c r="K38" s="92">
        <v>9.328473434407512E-3</v>
      </c>
      <c r="L38" s="177">
        <v>0.16135661256908065</v>
      </c>
      <c r="M38" s="92">
        <v>7.3032635781698722E-3</v>
      </c>
      <c r="N38" s="177">
        <v>0.50923013175642984</v>
      </c>
      <c r="O38" s="92">
        <v>9.9216997910477299E-3</v>
      </c>
      <c r="P38" s="174">
        <v>10217</v>
      </c>
      <c r="Q38" s="177">
        <v>0.36240960918067677</v>
      </c>
      <c r="R38" s="92">
        <v>9.5097249670579257E-3</v>
      </c>
      <c r="S38" s="177">
        <v>0.15677342640096814</v>
      </c>
      <c r="T38" s="92">
        <v>7.1952029092367809E-3</v>
      </c>
      <c r="U38" s="177">
        <v>0.48081696441835076</v>
      </c>
      <c r="V38" s="92">
        <v>9.8840216912036444E-3</v>
      </c>
    </row>
    <row r="39" spans="1:45">
      <c r="A39" s="40" t="s">
        <v>352</v>
      </c>
      <c r="B39" s="173">
        <v>3705</v>
      </c>
      <c r="C39" s="176">
        <v>0.19688925262736423</v>
      </c>
      <c r="D39" s="89">
        <v>1.3066886726862605E-2</v>
      </c>
      <c r="E39" s="176">
        <v>0.18818340259793176</v>
      </c>
      <c r="F39" s="89">
        <v>1.2844550928860063E-2</v>
      </c>
      <c r="G39" s="176">
        <v>0.6149273447747049</v>
      </c>
      <c r="H39" s="89">
        <v>1.5981256857970642E-2</v>
      </c>
      <c r="I39" s="173">
        <v>3695</v>
      </c>
      <c r="J39" s="176">
        <v>0.37544231673523015</v>
      </c>
      <c r="K39" s="89">
        <v>1.5924902145224944E-2</v>
      </c>
      <c r="L39" s="176">
        <v>0.18865854072857044</v>
      </c>
      <c r="M39" s="89">
        <v>1.2874339118384516E-2</v>
      </c>
      <c r="N39" s="176">
        <v>0.4358991425362001</v>
      </c>
      <c r="O39" s="89">
        <v>1.6306736768572166E-2</v>
      </c>
      <c r="P39" s="173">
        <v>3723</v>
      </c>
      <c r="Q39" s="176">
        <v>0.32592054392210179</v>
      </c>
      <c r="R39" s="89">
        <v>1.5357692271588185E-2</v>
      </c>
      <c r="S39" s="176">
        <v>0.18821355397859629</v>
      </c>
      <c r="T39" s="89">
        <v>1.2814239585689016E-2</v>
      </c>
      <c r="U39" s="176">
        <v>0.48586590209930292</v>
      </c>
      <c r="V39" s="89">
        <v>1.6373709707401936E-2</v>
      </c>
    </row>
    <row r="40" spans="1:45">
      <c r="A40" s="44" t="s">
        <v>534</v>
      </c>
      <c r="B40" s="174">
        <v>3201</v>
      </c>
      <c r="C40" s="177">
        <v>0.17693188801927573</v>
      </c>
      <c r="D40" s="92">
        <v>1.3493506054128201E-2</v>
      </c>
      <c r="E40" s="177">
        <v>0.16855409014413142</v>
      </c>
      <c r="F40" s="92">
        <v>1.3238135723563953E-2</v>
      </c>
      <c r="G40" s="177">
        <v>0.65451402183658791</v>
      </c>
      <c r="H40" s="92">
        <v>1.6801492141257694E-2</v>
      </c>
      <c r="I40" s="174">
        <v>3182</v>
      </c>
      <c r="J40" s="177">
        <v>0.33136085927097775</v>
      </c>
      <c r="K40" s="92">
        <v>1.6681056150099172E-2</v>
      </c>
      <c r="L40" s="177">
        <v>0.16554462559544333</v>
      </c>
      <c r="M40" s="92">
        <v>1.3182780244793886E-2</v>
      </c>
      <c r="N40" s="177">
        <v>0.50309451513357328</v>
      </c>
      <c r="O40" s="92">
        <v>1.7716128323364923E-2</v>
      </c>
      <c r="P40" s="174">
        <v>3205</v>
      </c>
      <c r="Q40" s="177">
        <v>0.30794081528649681</v>
      </c>
      <c r="R40" s="92">
        <v>1.6302116912480808E-2</v>
      </c>
      <c r="S40" s="177">
        <v>0.18160096859325445</v>
      </c>
      <c r="T40" s="92">
        <v>1.362245837484896E-2</v>
      </c>
      <c r="U40" s="177">
        <v>0.51045821612024311</v>
      </c>
      <c r="V40" s="92">
        <v>1.7649010283705885E-2</v>
      </c>
    </row>
    <row r="41" spans="1:45">
      <c r="A41" s="40" t="s">
        <v>535</v>
      </c>
      <c r="B41" s="173">
        <v>2518</v>
      </c>
      <c r="C41" s="176">
        <v>0.18651193283631046</v>
      </c>
      <c r="D41" s="89">
        <v>1.5528578474159664E-2</v>
      </c>
      <c r="E41" s="176">
        <v>0.14480798253164573</v>
      </c>
      <c r="F41" s="89">
        <v>1.4037364212146134E-2</v>
      </c>
      <c r="G41" s="176">
        <v>0.66868008463204598</v>
      </c>
      <c r="H41" s="89">
        <v>1.8749029590956753E-2</v>
      </c>
      <c r="I41" s="173">
        <v>2500</v>
      </c>
      <c r="J41" s="176">
        <v>0.27261448980344466</v>
      </c>
      <c r="K41" s="89">
        <v>1.7805341072123351E-2</v>
      </c>
      <c r="L41" s="176">
        <v>0.15585773678961556</v>
      </c>
      <c r="M41" s="89">
        <v>1.451803898890015E-2</v>
      </c>
      <c r="N41" s="176">
        <v>0.57152777340694139</v>
      </c>
      <c r="O41" s="89">
        <v>1.9779136324939293E-2</v>
      </c>
      <c r="P41" s="173">
        <v>2517</v>
      </c>
      <c r="Q41" s="176">
        <v>0.30459689376577398</v>
      </c>
      <c r="R41" s="89">
        <v>1.8337862057815367E-2</v>
      </c>
      <c r="S41" s="176">
        <v>0.1574138763217354</v>
      </c>
      <c r="T41" s="89">
        <v>1.4527157552208667E-2</v>
      </c>
      <c r="U41" s="176">
        <v>0.53798922991249265</v>
      </c>
      <c r="V41" s="89">
        <v>1.9859138799900786E-2</v>
      </c>
    </row>
    <row r="42" spans="1:45">
      <c r="A42" s="44" t="s">
        <v>536</v>
      </c>
      <c r="B42" s="174">
        <v>368</v>
      </c>
      <c r="C42" s="177">
        <v>0.21130188077297621</v>
      </c>
      <c r="D42" s="92">
        <v>4.2557508148483421E-2</v>
      </c>
      <c r="E42" s="177">
        <v>0.15923993526661498</v>
      </c>
      <c r="F42" s="92">
        <v>3.8292353261967574E-2</v>
      </c>
      <c r="G42" s="177">
        <v>0.62945818396040831</v>
      </c>
      <c r="H42" s="92">
        <v>5.0118039005639943E-2</v>
      </c>
      <c r="I42" s="174">
        <v>363</v>
      </c>
      <c r="J42" s="177">
        <v>0.24313439192014077</v>
      </c>
      <c r="K42" s="92">
        <v>4.4958409641627423E-2</v>
      </c>
      <c r="L42" s="177">
        <v>0.16274800549049978</v>
      </c>
      <c r="M42" s="92">
        <v>3.8884570764870452E-2</v>
      </c>
      <c r="N42" s="177">
        <v>0.59411760258935908</v>
      </c>
      <c r="O42" s="92">
        <v>5.1286864028689969E-2</v>
      </c>
      <c r="P42" s="174">
        <v>367</v>
      </c>
      <c r="Q42" s="177">
        <v>0.29750490970323057</v>
      </c>
      <c r="R42" s="92">
        <v>4.7568949624584043E-2</v>
      </c>
      <c r="S42" s="177">
        <v>0.18587014739218266</v>
      </c>
      <c r="T42" s="92">
        <v>4.0673412719158204E-2</v>
      </c>
      <c r="U42" s="177">
        <v>0.51662494290458671</v>
      </c>
      <c r="V42" s="92">
        <v>5.1889322295597728E-2</v>
      </c>
    </row>
    <row r="43" spans="1:45">
      <c r="A43" s="40" t="s">
        <v>537</v>
      </c>
      <c r="B43" s="173">
        <v>86</v>
      </c>
      <c r="C43" s="176">
        <v>0.19815100466361554</v>
      </c>
      <c r="D43" s="89">
        <v>8.610229705494396E-2</v>
      </c>
      <c r="E43" s="176">
        <v>0.17350707583866853</v>
      </c>
      <c r="F43" s="89">
        <v>8.2372366483115356E-2</v>
      </c>
      <c r="G43" s="176">
        <v>0.62834191949771667</v>
      </c>
      <c r="H43" s="89">
        <v>0.10218935835572743</v>
      </c>
      <c r="I43" s="173">
        <v>83</v>
      </c>
      <c r="J43" s="176">
        <v>0.2027030879337319</v>
      </c>
      <c r="K43" s="89">
        <v>8.8292905274861083E-2</v>
      </c>
      <c r="L43" s="176">
        <v>0.20181044084196961</v>
      </c>
      <c r="M43" s="89">
        <v>8.8166849007907028E-2</v>
      </c>
      <c r="N43" s="176">
        <v>0.59548647122429943</v>
      </c>
      <c r="O43" s="89">
        <v>0.10541684442952257</v>
      </c>
      <c r="P43" s="173">
        <v>85</v>
      </c>
      <c r="Q43" s="176">
        <v>0.29714054057751865</v>
      </c>
      <c r="R43" s="89">
        <v>9.7718689931812014E-2</v>
      </c>
      <c r="S43" s="176">
        <v>0.18775605549330951</v>
      </c>
      <c r="T43" s="89">
        <v>8.50830374153735E-2</v>
      </c>
      <c r="U43" s="176">
        <v>0.51510340392917287</v>
      </c>
      <c r="V43" s="89">
        <v>0.10595566826547713</v>
      </c>
    </row>
    <row r="44" spans="1:45">
      <c r="A44" s="44" t="s">
        <v>538</v>
      </c>
      <c r="B44" s="174">
        <v>65</v>
      </c>
      <c r="C44" s="177">
        <v>0.33798437825517263</v>
      </c>
      <c r="D44" s="92">
        <v>0.11464022972306387</v>
      </c>
      <c r="E44" s="177">
        <v>0.12346942567593371</v>
      </c>
      <c r="F44" s="92">
        <v>8.4848025781168818E-2</v>
      </c>
      <c r="G44" s="177">
        <v>0.53854619606889331</v>
      </c>
      <c r="H44" s="92">
        <v>0.12006796752415991</v>
      </c>
      <c r="I44" s="174">
        <v>65</v>
      </c>
      <c r="J44" s="177">
        <v>0.23450111530243473</v>
      </c>
      <c r="K44" s="92">
        <v>0.10424223904245411</v>
      </c>
      <c r="L44" s="177">
        <v>0.16203859307261395</v>
      </c>
      <c r="M44" s="92">
        <v>9.2827063407855112E-2</v>
      </c>
      <c r="N44" s="177">
        <v>0.60346029162495085</v>
      </c>
      <c r="O44" s="92">
        <v>0.11807662529460637</v>
      </c>
      <c r="P44" s="174">
        <v>65</v>
      </c>
      <c r="Q44" s="177">
        <v>0.43340041155852871</v>
      </c>
      <c r="R44" s="92">
        <v>0.119434379572098</v>
      </c>
      <c r="S44" s="177">
        <v>0.13177576134289606</v>
      </c>
      <c r="T44" s="92">
        <v>8.6703131127790115E-2</v>
      </c>
      <c r="U44" s="177">
        <v>0.4348238270985747</v>
      </c>
      <c r="V44" s="92">
        <v>0.11947476957531514</v>
      </c>
    </row>
    <row r="45" spans="1:45">
      <c r="A45" s="40" t="s">
        <v>539</v>
      </c>
      <c r="B45" s="173">
        <v>64</v>
      </c>
      <c r="C45" s="176">
        <v>0.17714041743941078</v>
      </c>
      <c r="D45" s="89">
        <v>9.6303544113242726E-2</v>
      </c>
      <c r="E45" s="176">
        <v>0.1882868816938145</v>
      </c>
      <c r="F45" s="89">
        <v>9.8198450045465971E-2</v>
      </c>
      <c r="G45" s="176">
        <v>0.63457270086677475</v>
      </c>
      <c r="H45" s="89">
        <v>0.11731257657091365</v>
      </c>
      <c r="I45" s="173">
        <v>64</v>
      </c>
      <c r="J45" s="176">
        <v>0.33766346617654025</v>
      </c>
      <c r="K45" s="89">
        <v>0.1154673452765384</v>
      </c>
      <c r="L45" s="176">
        <v>9.1580809427978555E-2</v>
      </c>
      <c r="M45" s="89">
        <v>7.7551062318926042E-2</v>
      </c>
      <c r="N45" s="176">
        <v>0.57075572439548128</v>
      </c>
      <c r="O45" s="89">
        <v>0.12018742456019192</v>
      </c>
      <c r="P45" s="173">
        <v>64</v>
      </c>
      <c r="Q45" s="176">
        <v>0.21796092327096017</v>
      </c>
      <c r="R45" s="89">
        <v>0.10276674648798494</v>
      </c>
      <c r="S45" s="176">
        <v>0.19200023343333375</v>
      </c>
      <c r="T45" s="89">
        <v>9.8807105254359054E-2</v>
      </c>
      <c r="U45" s="176">
        <v>0.59003884329570611</v>
      </c>
      <c r="V45" s="89">
        <v>0.11951340528697758</v>
      </c>
    </row>
    <row r="46" spans="1:45">
      <c r="A46" s="44" t="s">
        <v>540</v>
      </c>
      <c r="B46" s="174">
        <v>76</v>
      </c>
      <c r="C46" s="177">
        <v>0.12748149652941948</v>
      </c>
      <c r="D46" s="92">
        <v>7.898102399509177E-2</v>
      </c>
      <c r="E46" s="177">
        <v>0.18516518264369419</v>
      </c>
      <c r="F46" s="92">
        <v>8.9594456189166616E-2</v>
      </c>
      <c r="G46" s="177">
        <v>0.68735332082688583</v>
      </c>
      <c r="H46" s="92">
        <v>0.10447992790257898</v>
      </c>
      <c r="I46" s="174">
        <v>75</v>
      </c>
      <c r="J46" s="177">
        <v>0.23991672304233203</v>
      </c>
      <c r="K46" s="92">
        <v>9.7833034722770912E-2</v>
      </c>
      <c r="L46" s="177">
        <v>0.16106026988916353</v>
      </c>
      <c r="M46" s="92">
        <v>8.6114076254724378E-2</v>
      </c>
      <c r="N46" s="177">
        <v>0.59902300706850387</v>
      </c>
      <c r="O46" s="92">
        <v>0.11050225344803598</v>
      </c>
      <c r="P46" s="174">
        <v>77</v>
      </c>
      <c r="Q46" s="177">
        <v>0.31467546091259041</v>
      </c>
      <c r="R46" s="92">
        <v>0.10398555841146689</v>
      </c>
      <c r="S46" s="177">
        <v>0.17098945997746884</v>
      </c>
      <c r="T46" s="92">
        <v>8.668923909985661E-2</v>
      </c>
      <c r="U46" s="177">
        <v>0.51433507910994003</v>
      </c>
      <c r="V46" s="92">
        <v>0.11106983680719361</v>
      </c>
    </row>
    <row r="47" spans="1:45">
      <c r="A47" s="40" t="s">
        <v>541</v>
      </c>
      <c r="B47" s="173">
        <v>77</v>
      </c>
      <c r="C47" s="176">
        <v>0.21951675054130482</v>
      </c>
      <c r="D47" s="89">
        <v>9.3994288426784492E-2</v>
      </c>
      <c r="E47" s="176">
        <v>0.1238411491284916</v>
      </c>
      <c r="F47" s="89">
        <v>7.7661603049580932E-2</v>
      </c>
      <c r="G47" s="176">
        <v>0.65664210033020465</v>
      </c>
      <c r="H47" s="89">
        <v>0.106069345655656</v>
      </c>
      <c r="I47" s="173">
        <v>76</v>
      </c>
      <c r="J47" s="176">
        <v>0.19700200865277348</v>
      </c>
      <c r="K47" s="89">
        <v>9.1417579288310374E-2</v>
      </c>
      <c r="L47" s="176">
        <v>0.19789882574251216</v>
      </c>
      <c r="M47" s="89">
        <v>9.1551414424437746E-2</v>
      </c>
      <c r="N47" s="176">
        <v>0.60509916560471544</v>
      </c>
      <c r="O47" s="89">
        <v>0.10955161666167833</v>
      </c>
      <c r="P47" s="173">
        <v>76</v>
      </c>
      <c r="Q47" s="176">
        <v>0.2483381129066374</v>
      </c>
      <c r="R47" s="89">
        <v>9.8194024986912612E-2</v>
      </c>
      <c r="S47" s="176">
        <v>0.23710123598841168</v>
      </c>
      <c r="T47" s="89">
        <v>9.6856343750103491E-2</v>
      </c>
      <c r="U47" s="176">
        <v>0.51456065110495208</v>
      </c>
      <c r="V47" s="89">
        <v>0.11176060546186621</v>
      </c>
    </row>
    <row r="48" spans="1:45">
      <c r="A48" s="44" t="s">
        <v>542</v>
      </c>
      <c r="B48" s="174">
        <v>610</v>
      </c>
      <c r="C48" s="177">
        <v>0.1745542605130673</v>
      </c>
      <c r="D48" s="92">
        <v>3.0783532826475203E-2</v>
      </c>
      <c r="E48" s="177">
        <v>0.1289336847676327</v>
      </c>
      <c r="F48" s="92">
        <v>2.7263696647631959E-2</v>
      </c>
      <c r="G48" s="177">
        <v>0.69651205471929389</v>
      </c>
      <c r="H48" s="92">
        <v>3.7153132041782187E-2</v>
      </c>
      <c r="I48" s="174">
        <v>604</v>
      </c>
      <c r="J48" s="177">
        <v>0.28550004349664421</v>
      </c>
      <c r="K48" s="92">
        <v>3.6687978007356598E-2</v>
      </c>
      <c r="L48" s="177">
        <v>0.12405333532721113</v>
      </c>
      <c r="M48" s="92">
        <v>2.696460530521191E-2</v>
      </c>
      <c r="N48" s="177">
        <v>0.59044662117613855</v>
      </c>
      <c r="O48" s="92">
        <v>3.9895149916272091E-2</v>
      </c>
      <c r="P48" s="174">
        <v>608</v>
      </c>
      <c r="Q48" s="177">
        <v>0.25547659503672471</v>
      </c>
      <c r="R48" s="92">
        <v>3.5331052552980052E-2</v>
      </c>
      <c r="S48" s="177">
        <v>0.16857147861657595</v>
      </c>
      <c r="T48" s="92">
        <v>3.0420401154448294E-2</v>
      </c>
      <c r="U48" s="177">
        <v>0.57595192634669312</v>
      </c>
      <c r="V48" s="92">
        <v>3.9959658270607143E-2</v>
      </c>
    </row>
    <row r="49" spans="1:22">
      <c r="A49" s="40" t="s">
        <v>543</v>
      </c>
      <c r="B49" s="173">
        <v>59</v>
      </c>
      <c r="C49" s="176">
        <v>0.13477629866989335</v>
      </c>
      <c r="D49" s="89">
        <v>9.1897848973280516E-2</v>
      </c>
      <c r="E49" s="176">
        <v>6.889487884055033E-2</v>
      </c>
      <c r="F49" s="89">
        <v>7.4322065351196218E-2</v>
      </c>
      <c r="G49" s="176">
        <v>0.79632882248955672</v>
      </c>
      <c r="H49" s="89">
        <v>0.10480088954628382</v>
      </c>
      <c r="I49" s="173">
        <v>59</v>
      </c>
      <c r="J49" s="176">
        <v>0.16064207366622901</v>
      </c>
      <c r="K49" s="89">
        <v>9.7262831459972471E-2</v>
      </c>
      <c r="L49" s="176">
        <v>0.18979589910359981</v>
      </c>
      <c r="M49" s="89">
        <v>0.1025406622917967</v>
      </c>
      <c r="N49" s="176">
        <v>0.64956202723017153</v>
      </c>
      <c r="O49" s="89">
        <v>0.12094377770310037</v>
      </c>
      <c r="P49" s="173">
        <v>59</v>
      </c>
      <c r="Q49" s="176">
        <v>0.2749245258302519</v>
      </c>
      <c r="R49" s="89">
        <v>0.11424554378268455</v>
      </c>
      <c r="S49" s="176">
        <v>0.17404572048241052</v>
      </c>
      <c r="T49" s="89">
        <v>9.9782965596847156E-2</v>
      </c>
      <c r="U49" s="176">
        <v>0.5510297536873382</v>
      </c>
      <c r="V49" s="89">
        <v>0.12541135817216473</v>
      </c>
    </row>
    <row r="50" spans="1:22">
      <c r="A50" s="44" t="s">
        <v>550</v>
      </c>
      <c r="B50" s="174">
        <v>108</v>
      </c>
      <c r="C50" s="177">
        <v>0.20972308717481331</v>
      </c>
      <c r="D50" s="92">
        <v>7.8296701935838098E-2</v>
      </c>
      <c r="E50" s="177">
        <v>8.8931020192425034E-2</v>
      </c>
      <c r="F50" s="92">
        <v>5.7593587566480094E-2</v>
      </c>
      <c r="G50" s="177">
        <v>0.70134589263276192</v>
      </c>
      <c r="H50" s="92">
        <v>8.7076290122379538E-2</v>
      </c>
      <c r="I50" s="174">
        <v>107</v>
      </c>
      <c r="J50" s="177">
        <v>0.32602211661100566</v>
      </c>
      <c r="K50" s="92">
        <v>8.9417310772816908E-2</v>
      </c>
      <c r="L50" s="177">
        <v>7.0773704918473651E-2</v>
      </c>
      <c r="M50" s="92">
        <v>5.328953855921148E-2</v>
      </c>
      <c r="N50" s="177">
        <v>0.60320417847052055</v>
      </c>
      <c r="O50" s="92">
        <v>9.3018009123684811E-2</v>
      </c>
      <c r="P50" s="174">
        <v>107</v>
      </c>
      <c r="Q50" s="177">
        <v>0.36870183593667782</v>
      </c>
      <c r="R50" s="92">
        <v>9.182452336524137E-2</v>
      </c>
      <c r="S50" s="177">
        <v>0.16586886975911203</v>
      </c>
      <c r="T50" s="92">
        <v>7.259856160494732E-2</v>
      </c>
      <c r="U50" s="177">
        <v>0.46542929430420982</v>
      </c>
      <c r="V50" s="92">
        <v>9.4704747462000916E-2</v>
      </c>
    </row>
    <row r="51" spans="1:22">
      <c r="A51" s="52" t="s">
        <v>544</v>
      </c>
      <c r="B51" s="173">
        <v>121</v>
      </c>
      <c r="C51" s="176">
        <v>0.1615757544453208</v>
      </c>
      <c r="D51" s="89">
        <v>6.7570817934646241E-2</v>
      </c>
      <c r="E51" s="176">
        <v>0.13892767170132761</v>
      </c>
      <c r="F51" s="89">
        <v>6.3959276552285282E-2</v>
      </c>
      <c r="G51" s="176">
        <v>0.69949657385335229</v>
      </c>
      <c r="H51" s="89">
        <v>8.2502361949272449E-2</v>
      </c>
      <c r="I51" s="173">
        <v>118</v>
      </c>
      <c r="J51" s="176">
        <v>0.32333266970540825</v>
      </c>
      <c r="K51" s="89">
        <v>8.5084673053288748E-2</v>
      </c>
      <c r="L51" s="176">
        <v>0.12405971514428113</v>
      </c>
      <c r="M51" s="89">
        <v>6.2143300051706658E-2</v>
      </c>
      <c r="N51" s="176">
        <v>0.5526076151503112</v>
      </c>
      <c r="O51" s="89">
        <v>9.0065721573297453E-2</v>
      </c>
      <c r="P51" s="173">
        <v>121</v>
      </c>
      <c r="Q51" s="176">
        <v>0.2015035560009539</v>
      </c>
      <c r="R51" s="89">
        <v>7.2995570829560708E-2</v>
      </c>
      <c r="S51" s="176">
        <v>0.18551810134068955</v>
      </c>
      <c r="T51" s="89">
        <v>7.0954495910931573E-2</v>
      </c>
      <c r="U51" s="176">
        <v>0.61297834265835682</v>
      </c>
      <c r="V51" s="89">
        <v>8.7276980043802771E-2</v>
      </c>
    </row>
    <row r="52" spans="1:22">
      <c r="A52" s="44" t="s">
        <v>545</v>
      </c>
      <c r="B52" s="174">
        <v>155</v>
      </c>
      <c r="C52" s="177">
        <v>0.17865888238946859</v>
      </c>
      <c r="D52" s="92">
        <v>6.1811238652185949E-2</v>
      </c>
      <c r="E52" s="177">
        <v>0.16125701310860102</v>
      </c>
      <c r="F52" s="92">
        <v>5.9548403566695308E-2</v>
      </c>
      <c r="G52" s="177">
        <v>0.66008410450193111</v>
      </c>
      <c r="H52" s="92">
        <v>7.534345098693733E-2</v>
      </c>
      <c r="I52" s="174">
        <v>155</v>
      </c>
      <c r="J52" s="177">
        <v>0.33284970502366756</v>
      </c>
      <c r="K52" s="92">
        <v>7.4975693086161074E-2</v>
      </c>
      <c r="L52" s="177">
        <v>0.11930179675506297</v>
      </c>
      <c r="M52" s="92">
        <v>5.3144938886681571E-2</v>
      </c>
      <c r="N52" s="177">
        <v>0.54784849822126991</v>
      </c>
      <c r="O52" s="92">
        <v>7.8959310616660311E-2</v>
      </c>
      <c r="P52" s="174">
        <v>154</v>
      </c>
      <c r="Q52" s="177">
        <v>0.21101390180104895</v>
      </c>
      <c r="R52" s="92">
        <v>6.5730946457756637E-2</v>
      </c>
      <c r="S52" s="177">
        <v>0.1275642509182888</v>
      </c>
      <c r="T52" s="92">
        <v>5.470887760286431E-2</v>
      </c>
      <c r="U52" s="177">
        <v>0.66142184728066267</v>
      </c>
      <c r="V52" s="92">
        <v>7.5514376048162718E-2</v>
      </c>
    </row>
    <row r="53" spans="1:22">
      <c r="A53" s="52" t="s">
        <v>546</v>
      </c>
      <c r="B53" s="173">
        <v>72</v>
      </c>
      <c r="C53" s="176">
        <v>0.13979228176936068</v>
      </c>
      <c r="D53" s="89">
        <v>8.3838452179148759E-2</v>
      </c>
      <c r="E53" s="176">
        <v>0.13270555178132426</v>
      </c>
      <c r="F53" s="89">
        <v>8.2373232193977908E-2</v>
      </c>
      <c r="G53" s="176">
        <v>0.72750216644931442</v>
      </c>
      <c r="H53" s="89">
        <v>0.10350375596910254</v>
      </c>
      <c r="I53" s="173">
        <v>71</v>
      </c>
      <c r="J53" s="176">
        <v>0.18205898310017354</v>
      </c>
      <c r="K53" s="89">
        <v>9.2205143406716622E-2</v>
      </c>
      <c r="L53" s="176">
        <v>0.12503337480131904</v>
      </c>
      <c r="M53" s="89">
        <v>8.1321561328912925E-2</v>
      </c>
      <c r="N53" s="176">
        <v>0.69290764209850653</v>
      </c>
      <c r="O53" s="89">
        <v>0.10749268878911003</v>
      </c>
      <c r="P53" s="173">
        <v>72</v>
      </c>
      <c r="Q53" s="176">
        <v>0.25168274125491985</v>
      </c>
      <c r="R53" s="89">
        <v>0.10121847442730912</v>
      </c>
      <c r="S53" s="176">
        <v>0.21613598753138799</v>
      </c>
      <c r="T53" s="89">
        <v>9.670355926118783E-2</v>
      </c>
      <c r="U53" s="176">
        <v>0.53218127121369141</v>
      </c>
      <c r="V53" s="89">
        <v>0.11449442898842489</v>
      </c>
    </row>
    <row r="54" spans="1:22">
      <c r="A54" s="44" t="s">
        <v>547</v>
      </c>
      <c r="B54" s="174">
        <v>95</v>
      </c>
      <c r="C54" s="177">
        <v>0.19622983532902957</v>
      </c>
      <c r="D54" s="92">
        <v>8.1657010925892448E-2</v>
      </c>
      <c r="E54" s="177">
        <v>0.14861312650940112</v>
      </c>
      <c r="F54" s="92">
        <v>7.4210536512471545E-2</v>
      </c>
      <c r="G54" s="177">
        <v>0.65515703816156767</v>
      </c>
      <c r="H54" s="92">
        <v>9.5944500693125712E-2</v>
      </c>
      <c r="I54" s="174">
        <v>94</v>
      </c>
      <c r="J54" s="177">
        <v>0.24614875224547741</v>
      </c>
      <c r="K54" s="92">
        <v>8.8228051759162623E-2</v>
      </c>
      <c r="L54" s="177">
        <v>0.17766068179518166</v>
      </c>
      <c r="M54" s="92">
        <v>7.9386965682160179E-2</v>
      </c>
      <c r="N54" s="177">
        <v>0.57619056595933937</v>
      </c>
      <c r="O54" s="92">
        <v>9.99304256800507E-2</v>
      </c>
      <c r="P54" s="174">
        <v>95</v>
      </c>
      <c r="Q54" s="177">
        <v>0.24792554601947636</v>
      </c>
      <c r="R54" s="92">
        <v>8.7959910078525758E-2</v>
      </c>
      <c r="S54" s="177">
        <v>0.17759432825881796</v>
      </c>
      <c r="T54" s="92">
        <v>7.8953898583050811E-2</v>
      </c>
      <c r="U54" s="177">
        <v>0.57448012572170404</v>
      </c>
      <c r="V54" s="92">
        <v>9.9471719911052234E-2</v>
      </c>
    </row>
    <row r="55" spans="1:22">
      <c r="A55" s="52" t="s">
        <v>551</v>
      </c>
      <c r="B55" s="173">
        <v>754</v>
      </c>
      <c r="C55" s="176">
        <v>0.17528760776003194</v>
      </c>
      <c r="D55" s="89">
        <v>2.7725732666359606E-2</v>
      </c>
      <c r="E55" s="176">
        <v>0.17435983470929348</v>
      </c>
      <c r="F55" s="89">
        <v>2.7668858071786626E-2</v>
      </c>
      <c r="G55" s="176">
        <v>0.65035255753067378</v>
      </c>
      <c r="H55" s="89">
        <v>3.4658687362808825E-2</v>
      </c>
      <c r="I55" s="173">
        <v>754</v>
      </c>
      <c r="J55" s="176">
        <v>0.3565176230463622</v>
      </c>
      <c r="K55" s="89">
        <v>3.4810418578449139E-2</v>
      </c>
      <c r="L55" s="176">
        <v>0.16828224842274764</v>
      </c>
      <c r="M55" s="89">
        <v>2.7289284425756986E-2</v>
      </c>
      <c r="N55" s="176">
        <v>0.47520012853089211</v>
      </c>
      <c r="O55" s="89">
        <v>3.6277400916361766E-2</v>
      </c>
      <c r="P55" s="173">
        <v>760</v>
      </c>
      <c r="Q55" s="176">
        <v>0.30893549027797607</v>
      </c>
      <c r="R55" s="89">
        <v>3.346292865853135E-2</v>
      </c>
      <c r="S55" s="176">
        <v>0.19036982271296299</v>
      </c>
      <c r="T55" s="89">
        <v>2.8499141950714867E-2</v>
      </c>
      <c r="U55" s="176">
        <v>0.50069468700906261</v>
      </c>
      <c r="V55" s="89">
        <v>3.617869571030146E-2</v>
      </c>
    </row>
    <row r="56" spans="1:22">
      <c r="A56" s="44" t="s">
        <v>552</v>
      </c>
      <c r="B56" s="174">
        <v>206</v>
      </c>
      <c r="C56" s="177">
        <v>0.12412750996290151</v>
      </c>
      <c r="D56" s="92">
        <v>4.6608953417454746E-2</v>
      </c>
      <c r="E56" s="177">
        <v>0.19068254677256152</v>
      </c>
      <c r="F56" s="92">
        <v>5.4847468024158692E-2</v>
      </c>
      <c r="G56" s="177">
        <v>0.68518994326453664</v>
      </c>
      <c r="H56" s="92">
        <v>6.4290816994081457E-2</v>
      </c>
      <c r="I56" s="174">
        <v>208</v>
      </c>
      <c r="J56" s="177">
        <v>0.32805811542678948</v>
      </c>
      <c r="K56" s="92">
        <v>6.4653078063756753E-2</v>
      </c>
      <c r="L56" s="177">
        <v>0.13035775420399717</v>
      </c>
      <c r="M56" s="92">
        <v>4.7279182974865316E-2</v>
      </c>
      <c r="N56" s="177">
        <v>0.54158413036921338</v>
      </c>
      <c r="O56" s="92">
        <v>6.8451249534509262E-2</v>
      </c>
      <c r="P56" s="174">
        <v>210</v>
      </c>
      <c r="Q56" s="177">
        <v>0.27903728269527117</v>
      </c>
      <c r="R56" s="92">
        <v>6.159615767569656E-2</v>
      </c>
      <c r="S56" s="177">
        <v>0.19558384177762</v>
      </c>
      <c r="T56" s="92">
        <v>5.4817061149297623E-2</v>
      </c>
      <c r="U56" s="177">
        <v>0.52537887552710882</v>
      </c>
      <c r="V56" s="92">
        <v>6.8273743352705224E-2</v>
      </c>
    </row>
    <row r="57" spans="1:22">
      <c r="A57" s="52" t="s">
        <v>553</v>
      </c>
      <c r="B57" s="173">
        <v>272</v>
      </c>
      <c r="C57" s="176">
        <v>0.1835607374817628</v>
      </c>
      <c r="D57" s="89">
        <v>4.7050326159107918E-2</v>
      </c>
      <c r="E57" s="176">
        <v>0.17739126938891051</v>
      </c>
      <c r="F57" s="89">
        <v>4.6456845142800178E-2</v>
      </c>
      <c r="G57" s="176">
        <v>0.63904799312932781</v>
      </c>
      <c r="H57" s="89">
        <v>5.7888199393477627E-2</v>
      </c>
      <c r="I57" s="173">
        <v>271</v>
      </c>
      <c r="J57" s="176">
        <v>0.37816176668350665</v>
      </c>
      <c r="K57" s="89">
        <v>5.8537838061635435E-2</v>
      </c>
      <c r="L57" s="176">
        <v>0.19855938675294701</v>
      </c>
      <c r="M57" s="89">
        <v>4.8506077518548102E-2</v>
      </c>
      <c r="N57" s="176">
        <v>0.42327884656354753</v>
      </c>
      <c r="O57" s="89">
        <v>5.9608889186231383E-2</v>
      </c>
      <c r="P57" s="173">
        <v>273</v>
      </c>
      <c r="Q57" s="176">
        <v>0.32325278195423041</v>
      </c>
      <c r="R57" s="89">
        <v>5.6319887383475084E-2</v>
      </c>
      <c r="S57" s="176">
        <v>0.19163523933702969</v>
      </c>
      <c r="T57" s="89">
        <v>4.7711163698964672E-2</v>
      </c>
      <c r="U57" s="176">
        <v>0.48511197870874123</v>
      </c>
      <c r="V57" s="89">
        <v>6.0058299250337212E-2</v>
      </c>
    </row>
    <row r="58" spans="1:22">
      <c r="A58" s="44" t="s">
        <v>554</v>
      </c>
      <c r="B58" s="174">
        <v>242</v>
      </c>
      <c r="C58" s="177">
        <v>0.21532456257356039</v>
      </c>
      <c r="D58" s="92">
        <v>5.281874504920929E-2</v>
      </c>
      <c r="E58" s="177">
        <v>0.15922200300449135</v>
      </c>
      <c r="F58" s="92">
        <v>4.7303934533718013E-2</v>
      </c>
      <c r="G58" s="177">
        <v>0.62545343442194901</v>
      </c>
      <c r="H58" s="92">
        <v>6.178497960618165E-2</v>
      </c>
      <c r="I58" s="174">
        <v>240</v>
      </c>
      <c r="J58" s="177">
        <v>0.35832311123533855</v>
      </c>
      <c r="K58" s="92">
        <v>6.1481754508529475E-2</v>
      </c>
      <c r="L58" s="177">
        <v>0.16320618270490247</v>
      </c>
      <c r="M58" s="92">
        <v>4.7951214917367056E-2</v>
      </c>
      <c r="N58" s="177">
        <v>0.47847070605975978</v>
      </c>
      <c r="O58" s="92">
        <v>6.3960997593412811E-2</v>
      </c>
      <c r="P58" s="174">
        <v>242</v>
      </c>
      <c r="Q58" s="177">
        <v>0.33227158833878562</v>
      </c>
      <c r="R58" s="92">
        <v>6.0185976037408898E-2</v>
      </c>
      <c r="S58" s="177">
        <v>0.18896835856077188</v>
      </c>
      <c r="T58" s="92">
        <v>5.0425793327833895E-2</v>
      </c>
      <c r="U58" s="177">
        <v>0.47876005310044334</v>
      </c>
      <c r="V58" s="92">
        <v>6.3701975878640071E-2</v>
      </c>
    </row>
    <row r="61" spans="1:22" ht="18.75">
      <c r="A61" s="344" t="s">
        <v>233</v>
      </c>
      <c r="B61" s="344"/>
      <c r="C61" s="344"/>
      <c r="D61" s="344"/>
    </row>
    <row r="62" spans="1:22" ht="112.5" customHeight="1">
      <c r="A62" s="402" t="s">
        <v>396</v>
      </c>
      <c r="B62" s="402"/>
      <c r="C62" s="402"/>
      <c r="D62" s="402"/>
    </row>
    <row r="63" spans="1:22" ht="39" customHeight="1">
      <c r="A63" s="400" t="s">
        <v>234</v>
      </c>
      <c r="B63" s="400"/>
      <c r="C63" s="400"/>
      <c r="D63" s="400"/>
    </row>
    <row r="64" spans="1:22" ht="39" customHeight="1">
      <c r="A64" s="32" t="s">
        <v>71</v>
      </c>
      <c r="B64" s="33" t="s">
        <v>72</v>
      </c>
      <c r="C64" s="34" t="s">
        <v>592</v>
      </c>
      <c r="D64" s="35" t="s">
        <v>73</v>
      </c>
    </row>
    <row r="65" spans="1:4" ht="72">
      <c r="A65" s="36"/>
      <c r="B65" s="37" t="s">
        <v>74</v>
      </c>
      <c r="C65" s="123" t="s">
        <v>134</v>
      </c>
      <c r="D65" s="39" t="s">
        <v>76</v>
      </c>
    </row>
    <row r="66" spans="1:4">
      <c r="A66" s="40" t="s">
        <v>350</v>
      </c>
      <c r="B66" s="178">
        <v>13917</v>
      </c>
      <c r="C66" s="79">
        <v>3.2074450421480307</v>
      </c>
      <c r="D66" s="80">
        <v>2.489005461921338E-2</v>
      </c>
    </row>
    <row r="67" spans="1:4">
      <c r="A67" s="44" t="s">
        <v>351</v>
      </c>
      <c r="B67" s="44">
        <v>10206</v>
      </c>
      <c r="C67" s="181">
        <v>3.3536985486791351</v>
      </c>
      <c r="D67" s="182">
        <v>2.8654610158544529E-2</v>
      </c>
    </row>
    <row r="68" spans="1:4">
      <c r="A68" s="40" t="s">
        <v>352</v>
      </c>
      <c r="B68" s="48">
        <v>3711</v>
      </c>
      <c r="C68" s="79">
        <v>3.0887609169298753</v>
      </c>
      <c r="D68" s="80">
        <v>4.8343121708030068E-2</v>
      </c>
    </row>
    <row r="69" spans="1:4">
      <c r="A69" s="44" t="s">
        <v>534</v>
      </c>
      <c r="B69" s="44">
        <v>3203</v>
      </c>
      <c r="C69" s="181">
        <v>3.2858647482197201</v>
      </c>
      <c r="D69" s="182">
        <v>5.1461846515002956E-2</v>
      </c>
    </row>
    <row r="70" spans="1:4">
      <c r="A70" s="40" t="s">
        <v>535</v>
      </c>
      <c r="B70" s="48">
        <v>2517</v>
      </c>
      <c r="C70" s="79">
        <v>3.5775530112154699</v>
      </c>
      <c r="D70" s="80">
        <v>5.6870683453649921E-2</v>
      </c>
    </row>
    <row r="71" spans="1:4">
      <c r="A71" s="44" t="s">
        <v>536</v>
      </c>
      <c r="B71" s="44">
        <v>367</v>
      </c>
      <c r="C71" s="181">
        <v>3.5333225323786381</v>
      </c>
      <c r="D71" s="182">
        <v>0.1441885288905404</v>
      </c>
    </row>
    <row r="72" spans="1:4">
      <c r="A72" s="40" t="s">
        <v>537</v>
      </c>
      <c r="B72" s="48">
        <v>86</v>
      </c>
      <c r="C72" s="79">
        <v>3.6575504422342777</v>
      </c>
      <c r="D72" s="80">
        <v>0.3259803020626873</v>
      </c>
    </row>
    <row r="73" spans="1:4">
      <c r="A73" s="44" t="s">
        <v>538</v>
      </c>
      <c r="B73" s="44">
        <v>64</v>
      </c>
      <c r="C73" s="181">
        <v>3.1846211239305164</v>
      </c>
      <c r="D73" s="182">
        <v>0.30515090195654343</v>
      </c>
    </row>
    <row r="74" spans="1:4">
      <c r="A74" s="40" t="s">
        <v>539</v>
      </c>
      <c r="B74" s="48">
        <v>64</v>
      </c>
      <c r="C74" s="79">
        <v>3.3821615274268986</v>
      </c>
      <c r="D74" s="80">
        <v>0.34165312332010489</v>
      </c>
    </row>
    <row r="75" spans="1:4">
      <c r="A75" s="44" t="s">
        <v>540</v>
      </c>
      <c r="B75" s="44">
        <v>76</v>
      </c>
      <c r="C75" s="181">
        <v>3.7077804726950383</v>
      </c>
      <c r="D75" s="182">
        <v>0.32293986778117661</v>
      </c>
    </row>
    <row r="76" spans="1:4">
      <c r="A76" s="40" t="s">
        <v>541</v>
      </c>
      <c r="B76" s="178">
        <v>77</v>
      </c>
      <c r="C76" s="79">
        <v>3.7089545618737767</v>
      </c>
      <c r="D76" s="80">
        <v>0.29359808527534309</v>
      </c>
    </row>
    <row r="77" spans="1:4">
      <c r="A77" s="44" t="s">
        <v>542</v>
      </c>
      <c r="B77" s="180">
        <v>608</v>
      </c>
      <c r="C77" s="181">
        <v>3.7784886324398577</v>
      </c>
      <c r="D77" s="182">
        <v>0.11576142973832892</v>
      </c>
    </row>
    <row r="78" spans="1:4">
      <c r="A78" s="40" t="s">
        <v>543</v>
      </c>
      <c r="B78" s="78">
        <v>59</v>
      </c>
      <c r="C78" s="79">
        <v>3.8757720062058056</v>
      </c>
      <c r="D78" s="80">
        <v>0.36059418897078799</v>
      </c>
    </row>
    <row r="79" spans="1:4">
      <c r="A79" s="44" t="s">
        <v>550</v>
      </c>
      <c r="B79" s="180">
        <v>108</v>
      </c>
      <c r="C79" s="181">
        <v>3.655041917713755</v>
      </c>
      <c r="D79" s="182">
        <v>0.28539180736693354</v>
      </c>
    </row>
    <row r="80" spans="1:4">
      <c r="A80" s="52" t="s">
        <v>544</v>
      </c>
      <c r="B80" s="178">
        <v>120</v>
      </c>
      <c r="C80" s="79">
        <v>3.7210381292521202</v>
      </c>
      <c r="D80" s="80">
        <v>0.24417240395677497</v>
      </c>
    </row>
    <row r="81" spans="1:30">
      <c r="A81" s="44" t="s">
        <v>545</v>
      </c>
      <c r="B81" s="180">
        <v>155</v>
      </c>
      <c r="C81" s="181">
        <v>3.8117481865705387</v>
      </c>
      <c r="D81" s="182">
        <v>0.2385468376268868</v>
      </c>
    </row>
    <row r="82" spans="1:30">
      <c r="A82" s="52" t="s">
        <v>546</v>
      </c>
      <c r="B82" s="178">
        <v>71</v>
      </c>
      <c r="C82" s="79">
        <v>4.1177867634785663</v>
      </c>
      <c r="D82" s="80">
        <v>0.34219888150052363</v>
      </c>
    </row>
    <row r="83" spans="1:30">
      <c r="A83" s="44" t="s">
        <v>547</v>
      </c>
      <c r="B83" s="180">
        <v>95</v>
      </c>
      <c r="C83" s="181">
        <v>3.583937630348812</v>
      </c>
      <c r="D83" s="182">
        <v>0.28943723683811995</v>
      </c>
    </row>
    <row r="84" spans="1:30">
      <c r="A84" s="52" t="s">
        <v>551</v>
      </c>
      <c r="B84" s="178">
        <v>758</v>
      </c>
      <c r="C84" s="79">
        <v>3.1467565418379633</v>
      </c>
      <c r="D84" s="80">
        <v>0.10725988613661233</v>
      </c>
    </row>
    <row r="85" spans="1:30">
      <c r="A85" s="44" t="s">
        <v>552</v>
      </c>
      <c r="B85" s="180">
        <v>210</v>
      </c>
      <c r="C85" s="181">
        <v>3.0573116081974376</v>
      </c>
      <c r="D85" s="182">
        <v>0.19181496932236639</v>
      </c>
      <c r="P85" s="242"/>
      <c r="Q85" s="242"/>
      <c r="R85" s="242"/>
      <c r="S85" s="242"/>
      <c r="T85" s="242"/>
      <c r="U85" s="242"/>
      <c r="V85" s="242"/>
      <c r="W85" s="242"/>
      <c r="X85" s="242"/>
      <c r="Y85" s="242"/>
      <c r="Z85" s="242"/>
      <c r="AA85" s="242"/>
      <c r="AB85" s="242"/>
      <c r="AC85" s="242"/>
      <c r="AD85" s="242"/>
    </row>
    <row r="86" spans="1:30">
      <c r="A86" s="52" t="s">
        <v>553</v>
      </c>
      <c r="B86" s="178">
        <v>271</v>
      </c>
      <c r="C86" s="79">
        <v>3.2219055231926692</v>
      </c>
      <c r="D86" s="80">
        <v>0.19149613044729419</v>
      </c>
      <c r="P86" s="242"/>
      <c r="Q86" s="242"/>
      <c r="R86" s="242"/>
      <c r="S86" s="242"/>
      <c r="T86" s="242"/>
      <c r="U86" s="242"/>
      <c r="V86" s="242"/>
      <c r="W86" s="242"/>
      <c r="X86" s="242"/>
      <c r="Y86" s="242"/>
      <c r="Z86" s="242"/>
      <c r="AA86" s="242"/>
      <c r="AB86" s="242"/>
      <c r="AC86" s="242"/>
      <c r="AD86" s="242"/>
    </row>
    <row r="87" spans="1:30">
      <c r="A87" s="44" t="s">
        <v>554</v>
      </c>
      <c r="B87" s="180">
        <v>242</v>
      </c>
      <c r="C87" s="181">
        <v>3.057879115337387</v>
      </c>
      <c r="D87" s="182">
        <v>0.18387395845085658</v>
      </c>
      <c r="P87" s="242"/>
      <c r="Q87" s="242"/>
      <c r="R87" s="242"/>
      <c r="S87" s="242"/>
      <c r="T87" s="242"/>
      <c r="U87" s="242"/>
      <c r="V87" s="242"/>
      <c r="W87" s="242"/>
      <c r="X87" s="242"/>
      <c r="Y87" s="242"/>
      <c r="Z87" s="242"/>
      <c r="AA87" s="242"/>
      <c r="AB87" s="242"/>
      <c r="AC87" s="242"/>
      <c r="AD87" s="242"/>
    </row>
    <row r="88" spans="1:30">
      <c r="P88" s="242"/>
      <c r="Q88" s="242"/>
      <c r="R88" s="242"/>
      <c r="S88" s="242"/>
      <c r="T88" s="242"/>
      <c r="U88" s="242"/>
      <c r="V88" s="242"/>
      <c r="W88" s="242"/>
      <c r="X88" s="242"/>
      <c r="Y88" s="242"/>
      <c r="Z88" s="242"/>
      <c r="AA88" s="242"/>
      <c r="AB88" s="242"/>
      <c r="AC88" s="242"/>
      <c r="AD88" s="242"/>
    </row>
    <row r="89" spans="1:30">
      <c r="P89" s="242"/>
      <c r="Q89" s="242"/>
      <c r="R89" s="242"/>
      <c r="S89" s="242"/>
      <c r="T89" s="242"/>
      <c r="U89" s="242"/>
      <c r="V89" s="242"/>
      <c r="W89" s="242"/>
      <c r="X89" s="242"/>
      <c r="Y89" s="242"/>
      <c r="Z89" s="242"/>
      <c r="AA89" s="242"/>
      <c r="AB89" s="242"/>
      <c r="AC89" s="242"/>
      <c r="AD89" s="242"/>
    </row>
    <row r="90" spans="1:30" ht="18.75">
      <c r="A90" s="344" t="s">
        <v>46</v>
      </c>
      <c r="B90" s="344"/>
      <c r="C90" s="344"/>
      <c r="D90" s="344"/>
      <c r="E90" s="344"/>
      <c r="F90" s="344"/>
      <c r="G90" s="344"/>
      <c r="H90" s="344"/>
      <c r="I90" s="344"/>
      <c r="J90" s="344"/>
      <c r="K90" s="344"/>
      <c r="L90" s="344"/>
      <c r="M90" s="344"/>
      <c r="N90" s="344"/>
      <c r="O90" s="344"/>
      <c r="P90" s="344"/>
      <c r="Q90" s="344"/>
      <c r="R90" s="344"/>
      <c r="S90" s="344"/>
      <c r="T90" s="344"/>
      <c r="U90" s="344"/>
      <c r="V90" s="344"/>
      <c r="W90" s="224"/>
      <c r="X90" s="224"/>
      <c r="Y90" s="224"/>
      <c r="Z90" s="224"/>
      <c r="AA90" s="224"/>
      <c r="AB90" s="224"/>
      <c r="AC90" s="224"/>
      <c r="AD90" s="242"/>
    </row>
    <row r="91" spans="1:30" ht="38.25" customHeight="1">
      <c r="A91" s="408" t="s">
        <v>595</v>
      </c>
      <c r="B91" s="408"/>
      <c r="C91" s="408"/>
      <c r="D91" s="408"/>
      <c r="E91" s="408"/>
      <c r="F91" s="408"/>
      <c r="G91" s="408"/>
      <c r="H91" s="408"/>
      <c r="I91" s="408"/>
      <c r="J91" s="408"/>
      <c r="K91" s="408"/>
      <c r="L91" s="408"/>
      <c r="M91" s="408"/>
      <c r="N91" s="408"/>
      <c r="O91" s="408"/>
      <c r="P91" s="408"/>
      <c r="Q91" s="408"/>
      <c r="R91" s="408"/>
      <c r="S91" s="408"/>
      <c r="T91" s="408"/>
      <c r="U91" s="408"/>
      <c r="V91" s="408"/>
      <c r="W91" s="239"/>
      <c r="X91" s="239"/>
      <c r="Y91" s="239"/>
      <c r="Z91" s="239"/>
      <c r="AA91" s="239"/>
      <c r="AB91" s="239"/>
      <c r="AC91" s="239"/>
      <c r="AD91" s="242"/>
    </row>
    <row r="92" spans="1:30" ht="38.25" customHeight="1">
      <c r="A92" s="59"/>
      <c r="B92" s="351" t="s">
        <v>397</v>
      </c>
      <c r="C92" s="351"/>
      <c r="D92" s="351"/>
      <c r="E92" s="351"/>
      <c r="F92" s="351"/>
      <c r="G92" s="351"/>
      <c r="H92" s="351"/>
      <c r="I92" s="351" t="s">
        <v>217</v>
      </c>
      <c r="J92" s="351"/>
      <c r="K92" s="351"/>
      <c r="L92" s="351"/>
      <c r="M92" s="351"/>
      <c r="N92" s="351"/>
      <c r="O92" s="351"/>
      <c r="P92" s="403" t="s">
        <v>218</v>
      </c>
      <c r="Q92" s="404"/>
      <c r="R92" s="404"/>
      <c r="S92" s="404"/>
      <c r="T92" s="404"/>
      <c r="U92" s="404"/>
      <c r="V92" s="405"/>
    </row>
    <row r="93" spans="1:30" ht="72">
      <c r="A93" s="32" t="s">
        <v>71</v>
      </c>
      <c r="B93" s="33" t="s">
        <v>72</v>
      </c>
      <c r="C93" s="33" t="s">
        <v>180</v>
      </c>
      <c r="D93" s="84" t="s">
        <v>135</v>
      </c>
      <c r="E93" s="33" t="s">
        <v>181</v>
      </c>
      <c r="F93" s="84" t="s">
        <v>136</v>
      </c>
      <c r="G93" s="33" t="s">
        <v>182</v>
      </c>
      <c r="H93" s="84" t="s">
        <v>137</v>
      </c>
      <c r="I93" s="60" t="s">
        <v>72</v>
      </c>
      <c r="J93" s="60" t="s">
        <v>180</v>
      </c>
      <c r="K93" s="83" t="s">
        <v>135</v>
      </c>
      <c r="L93" s="60" t="s">
        <v>181</v>
      </c>
      <c r="M93" s="83" t="s">
        <v>136</v>
      </c>
      <c r="N93" s="60" t="s">
        <v>182</v>
      </c>
      <c r="O93" s="83" t="s">
        <v>137</v>
      </c>
      <c r="P93" s="33" t="s">
        <v>72</v>
      </c>
      <c r="Q93" s="33" t="s">
        <v>180</v>
      </c>
      <c r="R93" s="84" t="s">
        <v>135</v>
      </c>
      <c r="S93" s="33" t="s">
        <v>181</v>
      </c>
      <c r="T93" s="84" t="s">
        <v>136</v>
      </c>
      <c r="U93" s="33" t="s">
        <v>182</v>
      </c>
      <c r="V93" s="84" t="s">
        <v>137</v>
      </c>
    </row>
    <row r="94" spans="1:30" ht="72">
      <c r="A94" s="36"/>
      <c r="B94" s="37" t="s">
        <v>74</v>
      </c>
      <c r="C94" s="37" t="s">
        <v>159</v>
      </c>
      <c r="D94" s="86" t="s">
        <v>88</v>
      </c>
      <c r="E94" s="37" t="s">
        <v>160</v>
      </c>
      <c r="F94" s="86" t="s">
        <v>88</v>
      </c>
      <c r="G94" s="37" t="s">
        <v>161</v>
      </c>
      <c r="H94" s="86" t="s">
        <v>88</v>
      </c>
      <c r="I94" s="63" t="s">
        <v>74</v>
      </c>
      <c r="J94" s="63" t="s">
        <v>159</v>
      </c>
      <c r="K94" s="85" t="s">
        <v>88</v>
      </c>
      <c r="L94" s="63" t="s">
        <v>160</v>
      </c>
      <c r="M94" s="85" t="s">
        <v>88</v>
      </c>
      <c r="N94" s="63" t="s">
        <v>161</v>
      </c>
      <c r="O94" s="85" t="s">
        <v>88</v>
      </c>
      <c r="P94" s="37" t="s">
        <v>74</v>
      </c>
      <c r="Q94" s="37" t="s">
        <v>159</v>
      </c>
      <c r="R94" s="86" t="s">
        <v>88</v>
      </c>
      <c r="S94" s="37" t="s">
        <v>160</v>
      </c>
      <c r="T94" s="86" t="s">
        <v>88</v>
      </c>
      <c r="U94" s="37" t="s">
        <v>161</v>
      </c>
      <c r="V94" s="86" t="s">
        <v>88</v>
      </c>
    </row>
    <row r="95" spans="1:30">
      <c r="A95" s="40" t="s">
        <v>350</v>
      </c>
      <c r="B95" s="178">
        <v>13864</v>
      </c>
      <c r="C95" s="183">
        <v>0.36941685225473447</v>
      </c>
      <c r="D95" s="89">
        <v>8.1971291735852322E-3</v>
      </c>
      <c r="E95" s="183">
        <v>0.18191280805711105</v>
      </c>
      <c r="F95" s="89">
        <v>6.5529921928604217E-3</v>
      </c>
      <c r="G95" s="183">
        <v>0.4486703396881711</v>
      </c>
      <c r="H95" s="89">
        <v>8.4468303567892446E-3</v>
      </c>
      <c r="I95" s="178">
        <v>13874</v>
      </c>
      <c r="J95" s="183">
        <v>0.68703414810968599</v>
      </c>
      <c r="K95" s="89">
        <v>7.8727154349536518E-3</v>
      </c>
      <c r="L95" s="183">
        <v>0.10693583474896291</v>
      </c>
      <c r="M95" s="89">
        <v>5.2489435293593826E-3</v>
      </c>
      <c r="N95" s="183">
        <v>0.20603001714136485</v>
      </c>
      <c r="O95" s="89">
        <v>6.8675203366448962E-3</v>
      </c>
      <c r="P95" s="178">
        <v>13801</v>
      </c>
      <c r="Q95" s="183">
        <v>0.63243341264434283</v>
      </c>
      <c r="R95" s="89">
        <v>8.2072317890079828E-3</v>
      </c>
      <c r="S95" s="183">
        <v>0.11159186567701865</v>
      </c>
      <c r="T95" s="89">
        <v>5.3619862697563397E-3</v>
      </c>
      <c r="U95" s="183">
        <v>0.25597472167865454</v>
      </c>
      <c r="V95" s="89">
        <v>7.429224998737969E-3</v>
      </c>
    </row>
    <row r="96" spans="1:30">
      <c r="A96" s="44" t="s">
        <v>351</v>
      </c>
      <c r="B96" s="180">
        <v>10169</v>
      </c>
      <c r="C96" s="184">
        <v>0.29921799622467765</v>
      </c>
      <c r="D96" s="92">
        <v>9.0807897432153995E-3</v>
      </c>
      <c r="E96" s="184">
        <v>0.17364389363614335</v>
      </c>
      <c r="F96" s="92">
        <v>7.513556227539942E-3</v>
      </c>
      <c r="G96" s="184">
        <v>0.52713811013917389</v>
      </c>
      <c r="H96" s="92">
        <v>9.9000033665326351E-3</v>
      </c>
      <c r="I96" s="180">
        <v>10178</v>
      </c>
      <c r="J96" s="184">
        <v>0.67399356076051931</v>
      </c>
      <c r="K96" s="92">
        <v>9.2913305987163321E-3</v>
      </c>
      <c r="L96" s="184">
        <v>9.8012257373976036E-2</v>
      </c>
      <c r="M96" s="92">
        <v>5.8974672176965066E-3</v>
      </c>
      <c r="N96" s="184">
        <v>0.22799418186549908</v>
      </c>
      <c r="O96" s="92">
        <v>8.3168201397571546E-3</v>
      </c>
      <c r="P96" s="180">
        <v>10110</v>
      </c>
      <c r="Q96" s="184">
        <v>0.64785030239475649</v>
      </c>
      <c r="R96" s="92">
        <v>9.4991767243926203E-3</v>
      </c>
      <c r="S96" s="184">
        <v>9.3200115458179425E-2</v>
      </c>
      <c r="T96" s="92">
        <v>5.7858673099878671E-3</v>
      </c>
      <c r="U96" s="184">
        <v>0.25894958214705782</v>
      </c>
      <c r="V96" s="92">
        <v>8.7126847142486377E-3</v>
      </c>
    </row>
    <row r="97" spans="1:22">
      <c r="A97" s="40" t="s">
        <v>352</v>
      </c>
      <c r="B97" s="178">
        <v>3695</v>
      </c>
      <c r="C97" s="183">
        <v>0.4264237590466618</v>
      </c>
      <c r="D97" s="89">
        <v>1.6263517916383152E-2</v>
      </c>
      <c r="E97" s="183">
        <v>0.18862780685231045</v>
      </c>
      <c r="F97" s="89">
        <v>1.2873537070686917E-2</v>
      </c>
      <c r="G97" s="183">
        <v>0.38494843410102897</v>
      </c>
      <c r="H97" s="89">
        <v>1.6001883833632921E-2</v>
      </c>
      <c r="I97" s="178">
        <v>3696</v>
      </c>
      <c r="J97" s="183">
        <v>0.69762716992267959</v>
      </c>
      <c r="K97" s="89">
        <v>1.5104246853814672E-2</v>
      </c>
      <c r="L97" s="183">
        <v>0.11418456114849343</v>
      </c>
      <c r="M97" s="89">
        <v>1.0473550661158119E-2</v>
      </c>
      <c r="N97" s="183">
        <v>0.18818826892882773</v>
      </c>
      <c r="O97" s="89">
        <v>1.2860311892058386E-2</v>
      </c>
      <c r="P97" s="178">
        <v>3691</v>
      </c>
      <c r="Q97" s="183">
        <v>0.61996938191198347</v>
      </c>
      <c r="R97" s="89">
        <v>1.5971506831509177E-2</v>
      </c>
      <c r="S97" s="183">
        <v>0.12646096986470978</v>
      </c>
      <c r="T97" s="89">
        <v>1.0950523604734065E-2</v>
      </c>
      <c r="U97" s="183">
        <v>0.25356964822330663</v>
      </c>
      <c r="V97" s="89">
        <v>1.4319134386208946E-2</v>
      </c>
    </row>
    <row r="98" spans="1:22">
      <c r="A98" s="44" t="s">
        <v>534</v>
      </c>
      <c r="B98" s="180">
        <v>3191</v>
      </c>
      <c r="C98" s="184">
        <v>0.3673103064408707</v>
      </c>
      <c r="D98" s="92">
        <v>1.7058768084831876E-2</v>
      </c>
      <c r="E98" s="184">
        <v>0.1591864597328379</v>
      </c>
      <c r="F98" s="92">
        <v>1.2958911246063897E-2</v>
      </c>
      <c r="G98" s="184">
        <v>0.47350323382628573</v>
      </c>
      <c r="H98" s="92">
        <v>1.7666699556182764E-2</v>
      </c>
      <c r="I98" s="180">
        <v>3194</v>
      </c>
      <c r="J98" s="184">
        <v>0.67374679936044235</v>
      </c>
      <c r="K98" s="92">
        <v>1.6584067474733399E-2</v>
      </c>
      <c r="L98" s="184">
        <v>0.1061386310120143</v>
      </c>
      <c r="M98" s="92">
        <v>1.0915620355484525E-2</v>
      </c>
      <c r="N98" s="184">
        <v>0.22011456962753914</v>
      </c>
      <c r="O98" s="92">
        <v>1.4661491443985361E-2</v>
      </c>
      <c r="P98" s="180">
        <v>3175</v>
      </c>
      <c r="Q98" s="184">
        <v>0.60770940029820997</v>
      </c>
      <c r="R98" s="92">
        <v>1.7320612016540889E-2</v>
      </c>
      <c r="S98" s="184">
        <v>0.10727128660276199</v>
      </c>
      <c r="T98" s="92">
        <v>1.0999273632036224E-2</v>
      </c>
      <c r="U98" s="184">
        <v>0.28501931309902234</v>
      </c>
      <c r="V98" s="92">
        <v>1.6017430584087292E-2</v>
      </c>
    </row>
    <row r="99" spans="1:22">
      <c r="A99" s="40" t="s">
        <v>535</v>
      </c>
      <c r="B99" s="178">
        <v>2509</v>
      </c>
      <c r="C99" s="183">
        <v>0.25309198389321985</v>
      </c>
      <c r="D99" s="89">
        <v>1.735518107544377E-2</v>
      </c>
      <c r="E99" s="183">
        <v>0.16279426296357841</v>
      </c>
      <c r="F99" s="89">
        <v>1.4748399803003411E-2</v>
      </c>
      <c r="G99" s="183">
        <v>0.58411375314320302</v>
      </c>
      <c r="H99" s="89">
        <v>1.9664814906166769E-2</v>
      </c>
      <c r="I99" s="178">
        <v>2511</v>
      </c>
      <c r="J99" s="183">
        <v>0.60996030458608752</v>
      </c>
      <c r="K99" s="89">
        <v>1.9453657513448547E-2</v>
      </c>
      <c r="L99" s="183">
        <v>0.10022133114749321</v>
      </c>
      <c r="M99" s="89">
        <v>1.2009604830695689E-2</v>
      </c>
      <c r="N99" s="183">
        <v>0.28981836426642082</v>
      </c>
      <c r="O99" s="89">
        <v>1.8099090598130037E-2</v>
      </c>
      <c r="P99" s="178">
        <v>2496</v>
      </c>
      <c r="Q99" s="183">
        <v>0.60543992352120612</v>
      </c>
      <c r="R99" s="89">
        <v>1.9551694364008651E-2</v>
      </c>
      <c r="S99" s="183">
        <v>8.1436281411316772E-2</v>
      </c>
      <c r="T99" s="89">
        <v>1.0981044821500164E-2</v>
      </c>
      <c r="U99" s="183">
        <v>0.31312379506747751</v>
      </c>
      <c r="V99" s="89">
        <v>1.8555385086555069E-2</v>
      </c>
    </row>
    <row r="100" spans="1:22">
      <c r="A100" s="44" t="s">
        <v>536</v>
      </c>
      <c r="B100" s="180">
        <v>366</v>
      </c>
      <c r="C100" s="184">
        <v>0.25189650540089592</v>
      </c>
      <c r="D100" s="92">
        <v>4.5294040909718433E-2</v>
      </c>
      <c r="E100" s="184">
        <v>0.16352331207592954</v>
      </c>
      <c r="F100" s="92">
        <v>3.879511422393999E-2</v>
      </c>
      <c r="G100" s="184">
        <v>0.58458018252317434</v>
      </c>
      <c r="H100" s="92">
        <v>5.1254535308567183E-2</v>
      </c>
      <c r="I100" s="180">
        <v>367</v>
      </c>
      <c r="J100" s="184">
        <v>0.64535742542619756</v>
      </c>
      <c r="K100" s="92">
        <v>4.9724239010028849E-2</v>
      </c>
      <c r="L100" s="184">
        <v>8.5289087209044628E-2</v>
      </c>
      <c r="M100" s="92">
        <v>2.967995338774912E-2</v>
      </c>
      <c r="N100" s="184">
        <v>0.26935348736475756</v>
      </c>
      <c r="O100" s="92">
        <v>4.6196944500405256E-2</v>
      </c>
      <c r="P100" s="180">
        <v>365</v>
      </c>
      <c r="Q100" s="184">
        <v>0.60837223144010766</v>
      </c>
      <c r="R100" s="92">
        <v>5.0847420792056792E-2</v>
      </c>
      <c r="S100" s="184">
        <v>9.1135483319916513E-2</v>
      </c>
      <c r="T100" s="92">
        <v>3.0609782732320501E-2</v>
      </c>
      <c r="U100" s="184">
        <v>0.30049228523997573</v>
      </c>
      <c r="V100" s="92">
        <v>4.7831563019800002E-2</v>
      </c>
    </row>
    <row r="101" spans="1:22">
      <c r="A101" s="40" t="s">
        <v>537</v>
      </c>
      <c r="B101" s="178">
        <v>86</v>
      </c>
      <c r="C101" s="183">
        <v>0.22988372228109352</v>
      </c>
      <c r="D101" s="89">
        <v>9.0278250115305908E-2</v>
      </c>
      <c r="E101" s="183">
        <v>0.20361601654657771</v>
      </c>
      <c r="F101" s="89">
        <v>8.6869333408291755E-2</v>
      </c>
      <c r="G101" s="183">
        <v>0.56650026117232943</v>
      </c>
      <c r="H101" s="89">
        <v>0.10455451993275257</v>
      </c>
      <c r="I101" s="178">
        <v>85</v>
      </c>
      <c r="J101" s="183">
        <v>0.62148098590420198</v>
      </c>
      <c r="K101" s="89">
        <v>0.10310659673691276</v>
      </c>
      <c r="L101" s="183">
        <v>8.0299567504738698E-2</v>
      </c>
      <c r="M101" s="89">
        <v>6.3362451306170339E-2</v>
      </c>
      <c r="N101" s="183">
        <v>0.29821944659105998</v>
      </c>
      <c r="O101" s="89">
        <v>9.781022115806115E-2</v>
      </c>
      <c r="P101" s="178">
        <v>85</v>
      </c>
      <c r="Q101" s="183">
        <v>0.55057404861581216</v>
      </c>
      <c r="R101" s="89">
        <v>0.10550403535139238</v>
      </c>
      <c r="S101" s="183">
        <v>0.12255505330052208</v>
      </c>
      <c r="T101" s="89">
        <v>7.3455132136778498E-2</v>
      </c>
      <c r="U101" s="183">
        <v>0.32687089808366621</v>
      </c>
      <c r="V101" s="89">
        <v>0.10003595594421658</v>
      </c>
    </row>
    <row r="102" spans="1:22">
      <c r="A102" s="44" t="s">
        <v>538</v>
      </c>
      <c r="B102" s="180">
        <v>63</v>
      </c>
      <c r="C102" s="184">
        <v>0.34016371863447753</v>
      </c>
      <c r="D102" s="92">
        <v>0.11651962069860748</v>
      </c>
      <c r="E102" s="184">
        <v>0.19312050119109339</v>
      </c>
      <c r="F102" s="92">
        <v>9.9771107436385453E-2</v>
      </c>
      <c r="G102" s="184">
        <v>0.46671578017442861</v>
      </c>
      <c r="H102" s="92">
        <v>0.12192987742346073</v>
      </c>
      <c r="I102" s="180">
        <v>65</v>
      </c>
      <c r="J102" s="184">
        <v>0.67372628507043852</v>
      </c>
      <c r="K102" s="92">
        <v>0.11375462450755332</v>
      </c>
      <c r="L102" s="184">
        <v>7.7645429988238854E-2</v>
      </c>
      <c r="M102" s="92">
        <v>7.2910215368486977E-2</v>
      </c>
      <c r="N102" s="184">
        <v>0.24862828494132205</v>
      </c>
      <c r="O102" s="92">
        <v>0.10602871484189885</v>
      </c>
      <c r="P102" s="180">
        <v>63</v>
      </c>
      <c r="Q102" s="184">
        <v>0.76574653411328242</v>
      </c>
      <c r="R102" s="92">
        <v>0.10581861449555445</v>
      </c>
      <c r="S102" s="184">
        <v>4.9650616620992113E-2</v>
      </c>
      <c r="T102" s="92">
        <v>6.4958867401239323E-2</v>
      </c>
      <c r="U102" s="184">
        <v>0.18460284926572515</v>
      </c>
      <c r="V102" s="92">
        <v>9.8358993907677605E-2</v>
      </c>
    </row>
    <row r="103" spans="1:22">
      <c r="A103" s="40" t="s">
        <v>539</v>
      </c>
      <c r="B103" s="178">
        <v>64</v>
      </c>
      <c r="C103" s="183">
        <v>0.27915694760159593</v>
      </c>
      <c r="D103" s="89">
        <v>0.1102930395602056</v>
      </c>
      <c r="E103" s="183">
        <v>0.10039360983319813</v>
      </c>
      <c r="F103" s="89">
        <v>7.9907553485439708E-2</v>
      </c>
      <c r="G103" s="183">
        <v>0.62044944256520596</v>
      </c>
      <c r="H103" s="89">
        <v>0.11810976012174487</v>
      </c>
      <c r="I103" s="178">
        <v>64</v>
      </c>
      <c r="J103" s="183">
        <v>0.72890059456770984</v>
      </c>
      <c r="K103" s="89">
        <v>0.10943367395929691</v>
      </c>
      <c r="L103" s="183">
        <v>8.8974671287233797E-2</v>
      </c>
      <c r="M103" s="89">
        <v>7.683026123962744E-2</v>
      </c>
      <c r="N103" s="183">
        <v>0.18212473414505642</v>
      </c>
      <c r="O103" s="89">
        <v>9.7163685339429651E-2</v>
      </c>
      <c r="P103" s="178">
        <v>64</v>
      </c>
      <c r="Q103" s="183">
        <v>0.57809635221625777</v>
      </c>
      <c r="R103" s="89">
        <v>0.11995033039940001</v>
      </c>
      <c r="S103" s="183">
        <v>0.14629489889115327</v>
      </c>
      <c r="T103" s="89">
        <v>9.0481818106823333E-2</v>
      </c>
      <c r="U103" s="183">
        <v>0.27560874889258896</v>
      </c>
      <c r="V103" s="89">
        <v>0.10991923186653058</v>
      </c>
    </row>
    <row r="104" spans="1:22">
      <c r="A104" s="44" t="s">
        <v>540</v>
      </c>
      <c r="B104" s="180">
        <v>76</v>
      </c>
      <c r="C104" s="184">
        <v>0.22498532277106892</v>
      </c>
      <c r="D104" s="92">
        <v>9.5326059368902857E-2</v>
      </c>
      <c r="E104" s="184">
        <v>9.3443253312050889E-2</v>
      </c>
      <c r="F104" s="92">
        <v>7.1002545580974061E-2</v>
      </c>
      <c r="G104" s="184">
        <v>0.68157142391687942</v>
      </c>
      <c r="H104" s="92">
        <v>0.10493955778450735</v>
      </c>
      <c r="I104" s="180">
        <v>76</v>
      </c>
      <c r="J104" s="184">
        <v>0.6078986686042781</v>
      </c>
      <c r="K104" s="92">
        <v>0.10942874034625577</v>
      </c>
      <c r="L104" s="184">
        <v>0.11806213246496729</v>
      </c>
      <c r="M104" s="92">
        <v>7.6924127382723556E-2</v>
      </c>
      <c r="N104" s="184">
        <v>0.27403919893075407</v>
      </c>
      <c r="O104" s="92">
        <v>0.10097521949297276</v>
      </c>
      <c r="P104" s="180">
        <v>77</v>
      </c>
      <c r="Q104" s="184">
        <v>0.60305442403574394</v>
      </c>
      <c r="R104" s="92">
        <v>0.10895752864453626</v>
      </c>
      <c r="S104" s="184">
        <v>1.4943461409452721E-3</v>
      </c>
      <c r="T104" s="92">
        <v>3.5437357346137066E-2</v>
      </c>
      <c r="U104" s="184">
        <v>0.39545122982331038</v>
      </c>
      <c r="V104" s="92">
        <v>0.10889397930338936</v>
      </c>
    </row>
    <row r="105" spans="1:22">
      <c r="A105" s="40" t="s">
        <v>541</v>
      </c>
      <c r="B105" s="178">
        <v>77</v>
      </c>
      <c r="C105" s="183">
        <v>0.19484770675521867</v>
      </c>
      <c r="D105" s="89">
        <v>9.0499799459618446E-2</v>
      </c>
      <c r="E105" s="183">
        <v>0.21689017819748929</v>
      </c>
      <c r="F105" s="89">
        <v>9.3642222456959134E-2</v>
      </c>
      <c r="G105" s="183">
        <v>0.58826211504729298</v>
      </c>
      <c r="H105" s="89">
        <v>0.10953554110992597</v>
      </c>
      <c r="I105" s="178">
        <v>77</v>
      </c>
      <c r="J105" s="183">
        <v>0.59070523394248775</v>
      </c>
      <c r="K105" s="89">
        <v>0.10944643727056863</v>
      </c>
      <c r="L105" s="183">
        <v>6.6948326141076486E-2</v>
      </c>
      <c r="M105" s="89">
        <v>6.3062097618331286E-2</v>
      </c>
      <c r="N105" s="183">
        <v>0.34234643991643671</v>
      </c>
      <c r="O105" s="89">
        <v>0.10600245114822299</v>
      </c>
      <c r="P105" s="178">
        <v>76</v>
      </c>
      <c r="Q105" s="183">
        <v>0.57601586847321207</v>
      </c>
      <c r="R105" s="89">
        <v>0.11063114004103629</v>
      </c>
      <c r="S105" s="183">
        <v>0.10833918452959064</v>
      </c>
      <c r="T105" s="89">
        <v>7.4685383301088829E-2</v>
      </c>
      <c r="U105" s="183">
        <v>0.31564494699719836</v>
      </c>
      <c r="V105" s="89">
        <v>0.10472032420337075</v>
      </c>
    </row>
    <row r="106" spans="1:22">
      <c r="A106" s="44" t="s">
        <v>542</v>
      </c>
      <c r="B106" s="180">
        <v>607</v>
      </c>
      <c r="C106" s="184">
        <v>0.21771746180298146</v>
      </c>
      <c r="D106" s="92">
        <v>3.3493431631259521E-2</v>
      </c>
      <c r="E106" s="184">
        <v>0.14737458006631562</v>
      </c>
      <c r="F106" s="92">
        <v>2.8865971107396134E-2</v>
      </c>
      <c r="G106" s="184">
        <v>0.634907958130697</v>
      </c>
      <c r="H106" s="92">
        <v>3.8975199864223105E-2</v>
      </c>
      <c r="I106" s="180">
        <v>608</v>
      </c>
      <c r="J106" s="184">
        <v>0.53059929869469313</v>
      </c>
      <c r="K106" s="92">
        <v>4.0347824520420482E-2</v>
      </c>
      <c r="L106" s="184">
        <v>9.2580312785843027E-2</v>
      </c>
      <c r="M106" s="92">
        <v>2.3732154901988201E-2</v>
      </c>
      <c r="N106" s="184">
        <v>0.37682038851945743</v>
      </c>
      <c r="O106" s="92">
        <v>3.9193209849294419E-2</v>
      </c>
      <c r="P106" s="180">
        <v>605</v>
      </c>
      <c r="Q106" s="184">
        <v>0.62062535604844871</v>
      </c>
      <c r="R106" s="92">
        <v>3.9341044722445137E-2</v>
      </c>
      <c r="S106" s="184">
        <v>7.2300460723194682E-2</v>
      </c>
      <c r="T106" s="92">
        <v>2.1360644429601151E-2</v>
      </c>
      <c r="U106" s="184">
        <v>0.30707418322834962</v>
      </c>
      <c r="V106" s="92">
        <v>3.742683819358196E-2</v>
      </c>
    </row>
    <row r="107" spans="1:22">
      <c r="A107" s="40" t="s">
        <v>543</v>
      </c>
      <c r="B107" s="178">
        <v>59</v>
      </c>
      <c r="C107" s="183">
        <v>8.9243143041343773E-2</v>
      </c>
      <c r="D107" s="89">
        <v>8.0484075991620302E-2</v>
      </c>
      <c r="E107" s="183">
        <v>0.13771817524923255</v>
      </c>
      <c r="F107" s="89">
        <v>9.2544014241658618E-2</v>
      </c>
      <c r="G107" s="183">
        <v>0.7730386817094238</v>
      </c>
      <c r="H107" s="89">
        <v>0.10826658187337357</v>
      </c>
      <c r="I107" s="178">
        <v>58</v>
      </c>
      <c r="J107" s="183">
        <v>0.54973446271945126</v>
      </c>
      <c r="K107" s="89">
        <v>0.12644911027337899</v>
      </c>
      <c r="L107" s="183">
        <v>5.5905927344671792E-2</v>
      </c>
      <c r="M107" s="89">
        <v>7.0668350764648252E-2</v>
      </c>
      <c r="N107" s="183">
        <v>0.39435960993587726</v>
      </c>
      <c r="O107" s="89">
        <v>0.12449475773128489</v>
      </c>
      <c r="P107" s="178">
        <v>59</v>
      </c>
      <c r="Q107" s="183">
        <v>0.65921159325116452</v>
      </c>
      <c r="R107" s="89">
        <v>0.12025589621541721</v>
      </c>
      <c r="S107" s="183">
        <v>6.4796069664055142E-2</v>
      </c>
      <c r="T107" s="89">
        <v>7.297971798992739E-2</v>
      </c>
      <c r="U107" s="183">
        <v>0.27599233708478088</v>
      </c>
      <c r="V107" s="89">
        <v>0.11436235172735666</v>
      </c>
    </row>
    <row r="108" spans="1:22">
      <c r="A108" s="44" t="s">
        <v>550</v>
      </c>
      <c r="B108" s="180">
        <v>108</v>
      </c>
      <c r="C108" s="184">
        <v>0.22299886617680958</v>
      </c>
      <c r="D108" s="92">
        <v>7.9877850980029391E-2</v>
      </c>
      <c r="E108" s="184">
        <v>0.14664597548786162</v>
      </c>
      <c r="F108" s="92">
        <v>6.9153085642194759E-2</v>
      </c>
      <c r="G108" s="184">
        <v>0.63035515833532874</v>
      </c>
      <c r="H108" s="92">
        <v>9.1456392085937435E-2</v>
      </c>
      <c r="I108" s="180">
        <v>108</v>
      </c>
      <c r="J108" s="184">
        <v>0.5690657506458735</v>
      </c>
      <c r="K108" s="92">
        <v>9.3649147211346331E-2</v>
      </c>
      <c r="L108" s="184">
        <v>9.8349938439665691E-2</v>
      </c>
      <c r="M108" s="92">
        <v>5.9759791291646464E-2</v>
      </c>
      <c r="N108" s="184">
        <v>0.33258431091446061</v>
      </c>
      <c r="O108" s="92">
        <v>8.9430387524246938E-2</v>
      </c>
      <c r="P108" s="180">
        <v>107</v>
      </c>
      <c r="Q108" s="184">
        <v>0.63696719331584395</v>
      </c>
      <c r="R108" s="92">
        <v>9.1546807644706699E-2</v>
      </c>
      <c r="S108" s="184">
        <v>5.3664049330684811E-2</v>
      </c>
      <c r="T108" s="92">
        <v>4.8354327516728572E-2</v>
      </c>
      <c r="U108" s="184">
        <v>0.30936875735347136</v>
      </c>
      <c r="V108" s="92">
        <v>8.8273052341312788E-2</v>
      </c>
    </row>
    <row r="109" spans="1:22">
      <c r="A109" s="52" t="s">
        <v>544</v>
      </c>
      <c r="B109" s="178">
        <v>119</v>
      </c>
      <c r="C109" s="183">
        <v>0.23998101571557079</v>
      </c>
      <c r="D109" s="89">
        <v>7.7923459547268897E-2</v>
      </c>
      <c r="E109" s="183">
        <v>0.1689124632580265</v>
      </c>
      <c r="F109" s="89">
        <v>6.9233856416086662E-2</v>
      </c>
      <c r="G109" s="183">
        <v>0.59110652102640293</v>
      </c>
      <c r="H109" s="89">
        <v>8.8754834858770101E-2</v>
      </c>
      <c r="I109" s="178">
        <v>121</v>
      </c>
      <c r="J109" s="183">
        <v>0.54981736852144492</v>
      </c>
      <c r="K109" s="89">
        <v>8.902575299390475E-2</v>
      </c>
      <c r="L109" s="183">
        <v>7.1758154934136384E-2</v>
      </c>
      <c r="M109" s="89">
        <v>5.001060964371052E-2</v>
      </c>
      <c r="N109" s="183">
        <v>0.37842447654441913</v>
      </c>
      <c r="O109" s="89">
        <v>8.6929896474772311E-2</v>
      </c>
      <c r="P109" s="178">
        <v>119</v>
      </c>
      <c r="Q109" s="183">
        <v>0.61583477865691749</v>
      </c>
      <c r="R109" s="89">
        <v>8.7872932938031542E-2</v>
      </c>
      <c r="S109" s="183">
        <v>8.0050043919439456E-2</v>
      </c>
      <c r="T109" s="89">
        <v>5.2553019301202382E-2</v>
      </c>
      <c r="U109" s="183">
        <v>0.30411517742364302</v>
      </c>
      <c r="V109" s="89">
        <v>8.3439130685378046E-2</v>
      </c>
    </row>
    <row r="110" spans="1:22">
      <c r="A110" s="44" t="s">
        <v>545</v>
      </c>
      <c r="B110" s="180">
        <v>155</v>
      </c>
      <c r="C110" s="184">
        <v>0.24390094312969482</v>
      </c>
      <c r="D110" s="92">
        <v>6.8711725808761573E-2</v>
      </c>
      <c r="E110" s="184">
        <v>0.12180761708145592</v>
      </c>
      <c r="F110" s="92">
        <v>5.3570960838487676E-2</v>
      </c>
      <c r="G110" s="184">
        <v>0.63429143978884972</v>
      </c>
      <c r="H110" s="92">
        <v>7.6538603944146175E-2</v>
      </c>
      <c r="I110" s="180">
        <v>155</v>
      </c>
      <c r="J110" s="184">
        <v>0.51698495653470689</v>
      </c>
      <c r="K110" s="92">
        <v>7.9261662646491496E-2</v>
      </c>
      <c r="L110" s="184">
        <v>9.6081706039481726E-2</v>
      </c>
      <c r="M110" s="92">
        <v>4.887554747135419E-2</v>
      </c>
      <c r="N110" s="184">
        <v>0.38693333742581204</v>
      </c>
      <c r="O110" s="92">
        <v>7.7354214694581633E-2</v>
      </c>
      <c r="P110" s="180">
        <v>155</v>
      </c>
      <c r="Q110" s="184">
        <v>0.60156041752688538</v>
      </c>
      <c r="R110" s="92">
        <v>7.7734902379081386E-2</v>
      </c>
      <c r="S110" s="184">
        <v>7.1485658981180228E-2</v>
      </c>
      <c r="T110" s="92">
        <v>4.3581259795680276E-2</v>
      </c>
      <c r="U110" s="184">
        <v>0.32695392349193475</v>
      </c>
      <c r="V110" s="92">
        <v>7.4655227257786963E-2</v>
      </c>
    </row>
    <row r="111" spans="1:22">
      <c r="A111" s="52" t="s">
        <v>546</v>
      </c>
      <c r="B111" s="178">
        <v>72</v>
      </c>
      <c r="C111" s="183">
        <v>0.10929958993638268</v>
      </c>
      <c r="D111" s="89">
        <v>7.71186476642505E-2</v>
      </c>
      <c r="E111" s="183">
        <v>0.15433949968208871</v>
      </c>
      <c r="F111" s="89">
        <v>8.6682971128514141E-2</v>
      </c>
      <c r="G111" s="183">
        <v>0.73636091038152818</v>
      </c>
      <c r="H111" s="89">
        <v>0.1025617778789587</v>
      </c>
      <c r="I111" s="178">
        <v>71</v>
      </c>
      <c r="J111" s="183">
        <v>0.38800689879872385</v>
      </c>
      <c r="K111" s="89">
        <v>0.11284437207744784</v>
      </c>
      <c r="L111" s="183">
        <v>0.12516986313126177</v>
      </c>
      <c r="M111" s="89">
        <v>8.1351630121680146E-2</v>
      </c>
      <c r="N111" s="183">
        <v>0.48682323807001382</v>
      </c>
      <c r="O111" s="89">
        <v>0.11543411380043579</v>
      </c>
      <c r="P111" s="178">
        <v>71</v>
      </c>
      <c r="Q111" s="183">
        <v>0.59900299015949166</v>
      </c>
      <c r="R111" s="89">
        <v>0.11342334410129595</v>
      </c>
      <c r="S111" s="183">
        <v>8.905468743897739E-2</v>
      </c>
      <c r="T111" s="89">
        <v>7.253763597526483E-2</v>
      </c>
      <c r="U111" s="183">
        <v>0.3119423224015303</v>
      </c>
      <c r="V111" s="89">
        <v>0.10790268564671576</v>
      </c>
    </row>
    <row r="112" spans="1:22">
      <c r="A112" s="44" t="s">
        <v>547</v>
      </c>
      <c r="B112" s="180">
        <v>94</v>
      </c>
      <c r="C112" s="184">
        <v>0.32711750986191079</v>
      </c>
      <c r="D112" s="92">
        <v>9.5297968192956564E-2</v>
      </c>
      <c r="E112" s="184">
        <v>0.16684704982557413</v>
      </c>
      <c r="F112" s="92">
        <v>7.769240361351093E-2</v>
      </c>
      <c r="G112" s="184">
        <v>0.5060354403125138</v>
      </c>
      <c r="H112" s="92">
        <v>0.10100848345250826</v>
      </c>
      <c r="I112" s="180">
        <v>95</v>
      </c>
      <c r="J112" s="184">
        <v>0.59856463907880775</v>
      </c>
      <c r="K112" s="92">
        <v>9.8689227944326829E-2</v>
      </c>
      <c r="L112" s="184">
        <v>0.10535131960132688</v>
      </c>
      <c r="M112" s="92">
        <v>6.5623297890939181E-2</v>
      </c>
      <c r="N112" s="184">
        <v>0.29608404131986388</v>
      </c>
      <c r="O112" s="92">
        <v>9.2487627138109527E-2</v>
      </c>
      <c r="P112" s="180">
        <v>94</v>
      </c>
      <c r="Q112" s="184">
        <v>0.63861837079597106</v>
      </c>
      <c r="R112" s="92">
        <v>9.7378183715347275E-2</v>
      </c>
      <c r="S112" s="184">
        <v>7.9882503713347972E-2</v>
      </c>
      <c r="T112" s="92">
        <v>5.9800793568115844E-2</v>
      </c>
      <c r="U112" s="184">
        <v>0.28149912549067951</v>
      </c>
      <c r="V112" s="92">
        <v>9.1712769825770826E-2</v>
      </c>
    </row>
    <row r="113" spans="1:28">
      <c r="A113" s="52" t="s">
        <v>551</v>
      </c>
      <c r="B113" s="178">
        <v>754</v>
      </c>
      <c r="C113" s="183">
        <v>0.41363568357330438</v>
      </c>
      <c r="D113" s="89">
        <v>3.5781491503572273E-2</v>
      </c>
      <c r="E113" s="183">
        <v>0.16455579887067684</v>
      </c>
      <c r="F113" s="89">
        <v>2.7050390809284109E-2</v>
      </c>
      <c r="G113" s="183">
        <v>0.42180851755602056</v>
      </c>
      <c r="H113" s="89">
        <v>3.587948521607498E-2</v>
      </c>
      <c r="I113" s="178">
        <v>755</v>
      </c>
      <c r="J113" s="183">
        <v>0.70796237751524582</v>
      </c>
      <c r="K113" s="89">
        <v>3.3045366983570995E-2</v>
      </c>
      <c r="L113" s="183">
        <v>0.1088610267810073</v>
      </c>
      <c r="M113" s="89">
        <v>2.2797567553037839E-2</v>
      </c>
      <c r="N113" s="183">
        <v>0.18317659570374556</v>
      </c>
      <c r="O113" s="89">
        <v>2.8179561217247295E-2</v>
      </c>
      <c r="P113" s="178">
        <v>750</v>
      </c>
      <c r="Q113" s="183">
        <v>0.61309575556922835</v>
      </c>
      <c r="R113" s="89">
        <v>3.5484124287637281E-2</v>
      </c>
      <c r="S113" s="183">
        <v>0.11105740674958442</v>
      </c>
      <c r="T113" s="89">
        <v>2.3070007138025584E-2</v>
      </c>
      <c r="U113" s="183">
        <v>0.27584683768118728</v>
      </c>
      <c r="V113" s="89">
        <v>3.2596483626373109E-2</v>
      </c>
    </row>
    <row r="114" spans="1:28">
      <c r="A114" s="44" t="s">
        <v>552</v>
      </c>
      <c r="B114" s="180">
        <v>209</v>
      </c>
      <c r="C114" s="184">
        <v>0.4490895683981993</v>
      </c>
      <c r="D114" s="92">
        <v>6.8176044035388531E-2</v>
      </c>
      <c r="E114" s="184">
        <v>0.18147985540374112</v>
      </c>
      <c r="F114" s="92">
        <v>5.3483296939135019E-2</v>
      </c>
      <c r="G114" s="184">
        <v>0.36943057619805991</v>
      </c>
      <c r="H114" s="92">
        <v>6.6231338448139762E-2</v>
      </c>
      <c r="I114" s="180">
        <v>209</v>
      </c>
      <c r="J114" s="184">
        <v>0.74180902808188776</v>
      </c>
      <c r="K114" s="92">
        <v>6.0312782501163648E-2</v>
      </c>
      <c r="L114" s="184">
        <v>9.6848446176071676E-2</v>
      </c>
      <c r="M114" s="92">
        <v>4.1906662011800856E-2</v>
      </c>
      <c r="N114" s="184">
        <v>0.16134252574204028</v>
      </c>
      <c r="O114" s="92">
        <v>5.1197533734659732E-2</v>
      </c>
      <c r="P114" s="180">
        <v>208</v>
      </c>
      <c r="Q114" s="184">
        <v>0.62678977597635377</v>
      </c>
      <c r="R114" s="92">
        <v>6.6520710067805175E-2</v>
      </c>
      <c r="S114" s="184">
        <v>8.1896727977991385E-2</v>
      </c>
      <c r="T114" s="92">
        <v>3.9267836596950441E-2</v>
      </c>
      <c r="U114" s="184">
        <v>0.29131349604565498</v>
      </c>
      <c r="V114" s="92">
        <v>6.2657776352434261E-2</v>
      </c>
    </row>
    <row r="115" spans="1:28">
      <c r="A115" s="52" t="s">
        <v>553</v>
      </c>
      <c r="B115" s="178">
        <v>270</v>
      </c>
      <c r="C115" s="183">
        <v>0.39498095966923857</v>
      </c>
      <c r="D115" s="89">
        <v>5.9104097856026452E-2</v>
      </c>
      <c r="E115" s="183">
        <v>0.14671183777019833</v>
      </c>
      <c r="F115" s="89">
        <v>4.3363181267651763E-2</v>
      </c>
      <c r="G115" s="183">
        <v>0.45830720256056412</v>
      </c>
      <c r="H115" s="89">
        <v>6.0207923570500095E-2</v>
      </c>
      <c r="I115" s="178">
        <v>270</v>
      </c>
      <c r="J115" s="183">
        <v>0.69165355092229541</v>
      </c>
      <c r="K115" s="89">
        <v>5.5937077368896478E-2</v>
      </c>
      <c r="L115" s="183">
        <v>0.10824734050415317</v>
      </c>
      <c r="M115" s="89">
        <v>3.8394423790115505E-2</v>
      </c>
      <c r="N115" s="183">
        <v>0.20009910857355212</v>
      </c>
      <c r="O115" s="89">
        <v>4.8730794642325569E-2</v>
      </c>
      <c r="P115" s="178">
        <v>267</v>
      </c>
      <c r="Q115" s="183">
        <v>0.60373763147483783</v>
      </c>
      <c r="R115" s="89">
        <v>5.9463014252998915E-2</v>
      </c>
      <c r="S115" s="183">
        <v>0.11803211085924521</v>
      </c>
      <c r="T115" s="89">
        <v>3.9995523937165961E-2</v>
      </c>
      <c r="U115" s="183">
        <v>0.27823025766591786</v>
      </c>
      <c r="V115" s="89">
        <v>5.4638608511770069E-2</v>
      </c>
    </row>
    <row r="116" spans="1:28">
      <c r="A116" s="44" t="s">
        <v>554</v>
      </c>
      <c r="B116" s="180">
        <v>241</v>
      </c>
      <c r="C116" s="184">
        <v>0.41736789214272568</v>
      </c>
      <c r="D116" s="92">
        <v>6.3037801671584043E-2</v>
      </c>
      <c r="E116" s="184">
        <v>0.16074414640612819</v>
      </c>
      <c r="F116" s="92">
        <v>4.7575156538822466E-2</v>
      </c>
      <c r="G116" s="184">
        <v>0.42188796145114693</v>
      </c>
      <c r="H116" s="92">
        <v>6.3128778701017269E-2</v>
      </c>
      <c r="I116" s="180">
        <v>241</v>
      </c>
      <c r="J116" s="184">
        <v>0.72631981110259691</v>
      </c>
      <c r="K116" s="92">
        <v>5.720542306176031E-2</v>
      </c>
      <c r="L116" s="184">
        <v>0.10319674211850094</v>
      </c>
      <c r="M116" s="92">
        <v>3.9927796333262204E-2</v>
      </c>
      <c r="N116" s="184">
        <v>0.17048344677890237</v>
      </c>
      <c r="O116" s="92">
        <v>4.8644550919080758E-2</v>
      </c>
      <c r="P116" s="180">
        <v>241</v>
      </c>
      <c r="Q116" s="184">
        <v>0.61147543582875397</v>
      </c>
      <c r="R116" s="92">
        <v>6.2332313754745634E-2</v>
      </c>
      <c r="S116" s="184">
        <v>0.12496553343136281</v>
      </c>
      <c r="T116" s="92">
        <v>4.312380628879002E-2</v>
      </c>
      <c r="U116" s="184">
        <v>0.26355903073988363</v>
      </c>
      <c r="V116" s="92">
        <v>5.6555006854074219E-2</v>
      </c>
    </row>
    <row r="119" spans="1:28" ht="18.75">
      <c r="A119" s="284" t="s">
        <v>462</v>
      </c>
      <c r="B119" s="284"/>
      <c r="C119" s="284"/>
      <c r="D119" s="284"/>
      <c r="E119" s="284"/>
      <c r="F119" s="284"/>
      <c r="G119" s="284"/>
      <c r="H119" s="284"/>
      <c r="I119" s="284"/>
      <c r="J119" s="284"/>
      <c r="K119" s="284"/>
      <c r="L119" s="284"/>
      <c r="M119" s="285"/>
      <c r="N119" s="224"/>
      <c r="O119" s="224"/>
      <c r="P119" s="224"/>
      <c r="Q119" s="224"/>
      <c r="R119" s="224"/>
      <c r="S119" s="224"/>
      <c r="T119" s="224"/>
      <c r="U119" s="224"/>
      <c r="V119" s="224"/>
      <c r="W119" s="224"/>
      <c r="X119" s="224"/>
      <c r="Y119" s="224"/>
      <c r="Z119" s="224"/>
      <c r="AA119" s="224"/>
      <c r="AB119" s="242"/>
    </row>
    <row r="120" spans="1:28" ht="49.5" customHeight="1">
      <c r="A120" s="409" t="s">
        <v>602</v>
      </c>
      <c r="B120" s="409"/>
      <c r="C120" s="409"/>
      <c r="D120" s="409"/>
      <c r="E120" s="409"/>
      <c r="F120" s="409"/>
      <c r="G120" s="409"/>
      <c r="H120" s="409"/>
      <c r="I120" s="409"/>
      <c r="J120" s="409"/>
      <c r="K120" s="409"/>
      <c r="L120" s="409"/>
      <c r="M120" s="285"/>
      <c r="N120" s="239"/>
      <c r="O120" s="239"/>
      <c r="P120" s="239"/>
      <c r="Q120" s="239"/>
      <c r="R120" s="239"/>
      <c r="S120" s="239"/>
      <c r="T120" s="239"/>
      <c r="U120" s="239"/>
      <c r="V120" s="239"/>
      <c r="W120" s="239"/>
      <c r="X120" s="239"/>
      <c r="Y120" s="239"/>
      <c r="Z120" s="239"/>
      <c r="AA120" s="239"/>
      <c r="AB120" s="242"/>
    </row>
    <row r="121" spans="1:28" ht="38.25" customHeight="1">
      <c r="A121" s="413" t="s">
        <v>235</v>
      </c>
      <c r="B121" s="414"/>
      <c r="C121" s="414"/>
      <c r="D121" s="414"/>
      <c r="E121" s="414"/>
      <c r="F121" s="414"/>
      <c r="G121" s="414"/>
      <c r="H121" s="414"/>
      <c r="I121" s="414"/>
      <c r="J121" s="414"/>
      <c r="K121" s="414"/>
      <c r="L121" s="414"/>
      <c r="M121" s="237"/>
      <c r="N121" s="242"/>
      <c r="O121" s="242"/>
      <c r="P121" s="242"/>
      <c r="Q121" s="242"/>
      <c r="R121" s="242"/>
      <c r="S121" s="242"/>
      <c r="T121" s="242"/>
      <c r="U121" s="242"/>
      <c r="V121" s="242"/>
      <c r="W121" s="242"/>
      <c r="X121" s="242"/>
      <c r="Y121" s="242"/>
      <c r="Z121" s="242"/>
      <c r="AA121" s="242"/>
      <c r="AB121" s="242"/>
    </row>
    <row r="122" spans="1:28" ht="72">
      <c r="A122" s="32" t="s">
        <v>71</v>
      </c>
      <c r="B122" s="33" t="s">
        <v>72</v>
      </c>
      <c r="C122" s="34" t="s">
        <v>593</v>
      </c>
      <c r="D122" s="35" t="s">
        <v>73</v>
      </c>
      <c r="E122" s="33" t="s">
        <v>468</v>
      </c>
      <c r="F122" s="84" t="s">
        <v>467</v>
      </c>
      <c r="G122" s="33" t="s">
        <v>463</v>
      </c>
      <c r="H122" s="84" t="s">
        <v>466</v>
      </c>
      <c r="I122" s="33" t="s">
        <v>464</v>
      </c>
      <c r="J122" s="84" t="s">
        <v>465</v>
      </c>
      <c r="K122" s="33" t="s">
        <v>301</v>
      </c>
      <c r="L122" s="84" t="s">
        <v>300</v>
      </c>
      <c r="M122" s="237"/>
      <c r="N122" s="241"/>
      <c r="O122" s="237"/>
      <c r="P122" s="241"/>
      <c r="Q122" s="237"/>
    </row>
    <row r="123" spans="1:28" ht="72">
      <c r="A123" s="36"/>
      <c r="B123" s="37" t="s">
        <v>74</v>
      </c>
      <c r="C123" s="123" t="s">
        <v>304</v>
      </c>
      <c r="D123" s="39" t="s">
        <v>76</v>
      </c>
      <c r="E123" s="37" t="s">
        <v>159</v>
      </c>
      <c r="F123" s="86" t="s">
        <v>88</v>
      </c>
      <c r="G123" s="37" t="s">
        <v>160</v>
      </c>
      <c r="H123" s="86" t="s">
        <v>88</v>
      </c>
      <c r="I123" s="37" t="s">
        <v>161</v>
      </c>
      <c r="J123" s="86" t="s">
        <v>88</v>
      </c>
      <c r="K123" s="37" t="s">
        <v>301</v>
      </c>
      <c r="L123" s="86" t="s">
        <v>88</v>
      </c>
    </row>
    <row r="124" spans="1:28">
      <c r="A124" s="40" t="s">
        <v>350</v>
      </c>
      <c r="B124" s="178">
        <v>13842</v>
      </c>
      <c r="C124" s="179">
        <v>5.1036555153933705</v>
      </c>
      <c r="D124" s="80">
        <v>2.5613062985244635E-2</v>
      </c>
      <c r="E124" s="183">
        <v>0.14001098066140449</v>
      </c>
      <c r="F124" s="89">
        <v>5.8997051367260427E-3</v>
      </c>
      <c r="G124" s="183">
        <v>0.15466386656429337</v>
      </c>
      <c r="H124" s="89">
        <v>6.1473986241741526E-3</v>
      </c>
      <c r="I124" s="183">
        <v>0.66939583980021322</v>
      </c>
      <c r="J124" s="89">
        <v>7.9961283884657681E-3</v>
      </c>
      <c r="K124" s="88">
        <v>3.5929312974102921E-2</v>
      </c>
      <c r="L124" s="89">
        <v>3.1690222023489788E-3</v>
      </c>
    </row>
    <row r="125" spans="1:28">
      <c r="A125" s="44" t="s">
        <v>351</v>
      </c>
      <c r="B125" s="180">
        <v>10160</v>
      </c>
      <c r="C125" s="181">
        <v>5.218333162847518</v>
      </c>
      <c r="D125" s="182">
        <v>2.9704039142234386E-2</v>
      </c>
      <c r="E125" s="184">
        <v>0.13618665266714181</v>
      </c>
      <c r="F125" s="92">
        <v>6.8071774798117296E-3</v>
      </c>
      <c r="G125" s="184">
        <v>0.13327815911204455</v>
      </c>
      <c r="H125" s="92">
        <v>6.7455269637586761E-3</v>
      </c>
      <c r="I125" s="184">
        <v>0.70609292582147842</v>
      </c>
      <c r="J125" s="92">
        <v>9.037921998252799E-3</v>
      </c>
      <c r="K125" s="91">
        <v>2.4442262399327314E-2</v>
      </c>
      <c r="L125" s="92">
        <v>3.0747481783533668E-3</v>
      </c>
    </row>
    <row r="126" spans="1:28">
      <c r="A126" s="40" t="s">
        <v>352</v>
      </c>
      <c r="B126" s="178">
        <v>3682</v>
      </c>
      <c r="C126" s="179">
        <v>5.0081588290137242</v>
      </c>
      <c r="D126" s="80">
        <v>5.0009313275332423E-2</v>
      </c>
      <c r="E126" s="183">
        <v>0.14312759363084968</v>
      </c>
      <c r="F126" s="89">
        <v>1.1549433724983587E-2</v>
      </c>
      <c r="G126" s="183">
        <v>0.17209201951208292</v>
      </c>
      <c r="H126" s="89">
        <v>1.2444542034473358E-2</v>
      </c>
      <c r="I126" s="183">
        <v>0.63948977149054964</v>
      </c>
      <c r="J126" s="89">
        <v>1.581858665445654E-2</v>
      </c>
      <c r="K126" s="88">
        <v>4.5290615366517697E-2</v>
      </c>
      <c r="L126" s="89">
        <v>6.8854577150971779E-3</v>
      </c>
    </row>
    <row r="127" spans="1:28">
      <c r="A127" s="44" t="s">
        <v>534</v>
      </c>
      <c r="B127" s="180">
        <v>3182</v>
      </c>
      <c r="C127" s="181">
        <v>5.225089545302275</v>
      </c>
      <c r="D127" s="182">
        <v>5.236664123558081E-2</v>
      </c>
      <c r="E127" s="184">
        <v>0.12086823437665166</v>
      </c>
      <c r="F127" s="92">
        <v>1.1569805553555516E-2</v>
      </c>
      <c r="G127" s="184">
        <v>0.13560459357673443</v>
      </c>
      <c r="H127" s="92">
        <v>1.2148340154240605E-2</v>
      </c>
      <c r="I127" s="184">
        <v>0.7074826645652742</v>
      </c>
      <c r="J127" s="92">
        <v>1.6123307479425128E-2</v>
      </c>
      <c r="K127" s="91">
        <v>3.6044507481336502E-2</v>
      </c>
      <c r="L127" s="92">
        <v>6.6558729104488415E-3</v>
      </c>
    </row>
    <row r="128" spans="1:28">
      <c r="A128" s="40" t="s">
        <v>535</v>
      </c>
      <c r="B128" s="178">
        <v>2502</v>
      </c>
      <c r="C128" s="179">
        <v>5.3735403132951962</v>
      </c>
      <c r="D128" s="80">
        <v>5.9111002998520262E-2</v>
      </c>
      <c r="E128" s="183">
        <v>0.1153603247975671</v>
      </c>
      <c r="F128" s="89">
        <v>1.2792421089192388E-2</v>
      </c>
      <c r="G128" s="183">
        <v>0.11955136967334376</v>
      </c>
      <c r="H128" s="89">
        <v>1.2990298650377201E-2</v>
      </c>
      <c r="I128" s="183">
        <v>0.74726770303842327</v>
      </c>
      <c r="J128" s="89">
        <v>1.7371289806797724E-2</v>
      </c>
      <c r="K128" s="88">
        <v>1.7820602490667511E-2</v>
      </c>
      <c r="L128" s="89">
        <v>5.3964377832264503E-3</v>
      </c>
    </row>
    <row r="129" spans="1:12">
      <c r="A129" s="44" t="s">
        <v>536</v>
      </c>
      <c r="B129" s="180">
        <v>366</v>
      </c>
      <c r="C129" s="181">
        <v>5.1706070901706926</v>
      </c>
      <c r="D129" s="182">
        <v>0.1496366761560147</v>
      </c>
      <c r="E129" s="184">
        <v>0.14482200510105239</v>
      </c>
      <c r="F129" s="92">
        <v>3.6989618145905699E-2</v>
      </c>
      <c r="G129" s="184">
        <v>0.12406789544313124</v>
      </c>
      <c r="H129" s="92">
        <v>3.4752283244241684E-2</v>
      </c>
      <c r="I129" s="184">
        <v>0.70868461112579961</v>
      </c>
      <c r="J129" s="92">
        <v>4.7350019160315421E-2</v>
      </c>
      <c r="K129" s="91">
        <v>2.2425488330016424E-2</v>
      </c>
      <c r="L129" s="92">
        <v>1.7030126919579683E-2</v>
      </c>
    </row>
    <row r="130" spans="1:12">
      <c r="A130" s="40" t="s">
        <v>537</v>
      </c>
      <c r="B130" s="178">
        <v>86</v>
      </c>
      <c r="C130" s="179">
        <v>5.2450800654942622</v>
      </c>
      <c r="D130" s="80">
        <v>0.30895774178924973</v>
      </c>
      <c r="E130" s="183">
        <v>0.16485737751002566</v>
      </c>
      <c r="F130" s="89">
        <v>8.0950356833637813E-2</v>
      </c>
      <c r="G130" s="183">
        <v>0.11456849881486647</v>
      </c>
      <c r="H130" s="89">
        <v>7.1291020802814617E-2</v>
      </c>
      <c r="I130" s="183">
        <v>0.68808656565794513</v>
      </c>
      <c r="J130" s="89">
        <v>9.8363983239913882E-2</v>
      </c>
      <c r="K130" s="88">
        <v>3.2487558017163472E-2</v>
      </c>
      <c r="L130" s="89">
        <v>4.7342080818602625E-2</v>
      </c>
    </row>
    <row r="131" spans="1:12">
      <c r="A131" s="44" t="s">
        <v>538</v>
      </c>
      <c r="B131" s="180">
        <v>63</v>
      </c>
      <c r="C131" s="181">
        <v>5.0157163837988223</v>
      </c>
      <c r="D131" s="182">
        <v>0.36451508839013624</v>
      </c>
      <c r="E131" s="184">
        <v>0.16382116354035783</v>
      </c>
      <c r="F131" s="92">
        <v>9.4655839339381473E-2</v>
      </c>
      <c r="G131" s="184">
        <v>9.9913368495042218E-2</v>
      </c>
      <c r="H131" s="92">
        <v>8.0473565172721473E-2</v>
      </c>
      <c r="I131" s="184">
        <v>0.7209015064377593</v>
      </c>
      <c r="J131" s="92">
        <v>0.11112858261961772</v>
      </c>
      <c r="K131" s="91">
        <v>1.5363961526840463E-2</v>
      </c>
      <c r="L131" s="92">
        <v>5.0273990617385411E-2</v>
      </c>
    </row>
    <row r="132" spans="1:12">
      <c r="A132" s="40" t="s">
        <v>539</v>
      </c>
      <c r="B132" s="178">
        <v>64</v>
      </c>
      <c r="C132" s="179">
        <v>5.117849881673548</v>
      </c>
      <c r="D132" s="80">
        <v>0.38800166577292983</v>
      </c>
      <c r="E132" s="183">
        <v>0.19101691532367548</v>
      </c>
      <c r="F132" s="89">
        <v>9.864700421359672E-2</v>
      </c>
      <c r="G132" s="183">
        <v>0.11207885434983857</v>
      </c>
      <c r="H132" s="89">
        <v>8.2853642609188316E-2</v>
      </c>
      <c r="I132" s="183">
        <v>0.66601630582587135</v>
      </c>
      <c r="J132" s="89">
        <v>0.11519439765194009</v>
      </c>
      <c r="K132" s="88">
        <v>3.0887924500614936E-2</v>
      </c>
      <c r="L132" s="89">
        <v>5.6911965109468547E-2</v>
      </c>
    </row>
    <row r="133" spans="1:12">
      <c r="A133" s="44" t="s">
        <v>540</v>
      </c>
      <c r="B133" s="180">
        <v>76</v>
      </c>
      <c r="C133" s="181">
        <v>5.358115512111981</v>
      </c>
      <c r="D133" s="182">
        <v>0.3058347954766199</v>
      </c>
      <c r="E133" s="184">
        <v>7.7916431326934515E-2</v>
      </c>
      <c r="F133" s="92">
        <v>6.6789044237520412E-2</v>
      </c>
      <c r="G133" s="184">
        <v>0.14669780257707857</v>
      </c>
      <c r="H133" s="92">
        <v>8.2869700572574131E-2</v>
      </c>
      <c r="I133" s="184">
        <v>0.75712976977921898</v>
      </c>
      <c r="J133" s="92">
        <v>9.7552694490641953E-2</v>
      </c>
      <c r="K133" s="91">
        <v>1.8255996316767539E-2</v>
      </c>
      <c r="L133" s="92">
        <v>4.5027908129854792E-2</v>
      </c>
    </row>
    <row r="134" spans="1:12">
      <c r="A134" s="40" t="s">
        <v>541</v>
      </c>
      <c r="B134" s="178">
        <v>77</v>
      </c>
      <c r="C134" s="179">
        <v>5.1257841496993715</v>
      </c>
      <c r="D134" s="80">
        <v>0.31873396832930062</v>
      </c>
      <c r="E134" s="183">
        <v>0.11360669722560529</v>
      </c>
      <c r="F134" s="89">
        <v>7.5386013366386811E-2</v>
      </c>
      <c r="G134" s="183">
        <v>0.14873615310112101</v>
      </c>
      <c r="H134" s="89">
        <v>8.2701042380650278E-2</v>
      </c>
      <c r="I134" s="183">
        <v>0.72543082604074116</v>
      </c>
      <c r="J134" s="89">
        <v>0.1003884255779845</v>
      </c>
      <c r="K134" s="88">
        <v>1.2226323632533665E-2</v>
      </c>
      <c r="L134" s="89">
        <v>4.1571127410077242E-2</v>
      </c>
    </row>
    <row r="135" spans="1:12">
      <c r="A135" s="44" t="s">
        <v>542</v>
      </c>
      <c r="B135" s="180">
        <v>600</v>
      </c>
      <c r="C135" s="181">
        <v>5.5674902067381762</v>
      </c>
      <c r="D135" s="182">
        <v>0.11221080238793346</v>
      </c>
      <c r="E135" s="184">
        <v>7.0889406974107672E-2</v>
      </c>
      <c r="F135" s="92">
        <v>2.1266973630544004E-2</v>
      </c>
      <c r="G135" s="184">
        <v>0.12249565521032529</v>
      </c>
      <c r="H135" s="92">
        <v>2.6913125256169818E-2</v>
      </c>
      <c r="I135" s="184">
        <v>0.78516820394691478</v>
      </c>
      <c r="J135" s="92">
        <v>3.3528936497551891E-2</v>
      </c>
      <c r="K135" s="91">
        <v>2.1446733868648492E-2</v>
      </c>
      <c r="L135" s="92">
        <v>1.2609786820053768E-2</v>
      </c>
    </row>
    <row r="136" spans="1:12">
      <c r="A136" s="40" t="s">
        <v>543</v>
      </c>
      <c r="B136" s="178">
        <v>57</v>
      </c>
      <c r="C136" s="179">
        <v>5.7563027096980353</v>
      </c>
      <c r="D136" s="80">
        <v>0.37301169857355315</v>
      </c>
      <c r="E136" s="183">
        <v>6.0250504169479926E-2</v>
      </c>
      <c r="F136" s="89">
        <v>7.2947376345720086E-2</v>
      </c>
      <c r="G136" s="183">
        <v>9.157255566643073E-2</v>
      </c>
      <c r="H136" s="89">
        <v>8.2718900703341286E-2</v>
      </c>
      <c r="I136" s="183">
        <v>0.84614478528448611</v>
      </c>
      <c r="J136" s="89">
        <v>9.7638405904571776E-2</v>
      </c>
      <c r="K136" s="88">
        <v>2.0321548796030466E-3</v>
      </c>
      <c r="L136" s="89">
        <v>4.6857076342556779E-2</v>
      </c>
    </row>
    <row r="137" spans="1:12">
      <c r="A137" s="44" t="s">
        <v>550</v>
      </c>
      <c r="B137" s="180">
        <v>105</v>
      </c>
      <c r="C137" s="181">
        <v>5.3000043102550523</v>
      </c>
      <c r="D137" s="182">
        <v>0.29113163324090008</v>
      </c>
      <c r="E137" s="184">
        <v>9.9917005156044875E-2</v>
      </c>
      <c r="F137" s="92">
        <v>6.1020685497962412E-2</v>
      </c>
      <c r="G137" s="184">
        <v>0.17571128234464248</v>
      </c>
      <c r="H137" s="92">
        <v>7.4787430527694557E-2</v>
      </c>
      <c r="I137" s="184">
        <v>0.7013647682686972</v>
      </c>
      <c r="J137" s="92">
        <v>8.8280954343037163E-2</v>
      </c>
      <c r="K137" s="91">
        <v>2.3006944230615597E-2</v>
      </c>
      <c r="L137" s="92">
        <v>3.7768057482976965E-2</v>
      </c>
    </row>
    <row r="138" spans="1:12">
      <c r="A138" s="52" t="s">
        <v>544</v>
      </c>
      <c r="B138" s="178">
        <v>119</v>
      </c>
      <c r="C138" s="179">
        <v>5.5596277914241794</v>
      </c>
      <c r="D138" s="80">
        <v>0.26222164199486148</v>
      </c>
      <c r="E138" s="183">
        <v>4.5334284350652253E-2</v>
      </c>
      <c r="F138" s="89">
        <v>4.286705767617089E-2</v>
      </c>
      <c r="G138" s="183">
        <v>0.13849531580338956</v>
      </c>
      <c r="H138" s="89">
        <v>6.4436527716241754E-2</v>
      </c>
      <c r="I138" s="183">
        <v>0.80338160516611301</v>
      </c>
      <c r="J138" s="89">
        <v>7.2995963740186007E-2</v>
      </c>
      <c r="K138" s="88">
        <v>1.2788794679845726E-2</v>
      </c>
      <c r="L138" s="89">
        <v>3.0074816900979913E-2</v>
      </c>
    </row>
    <row r="139" spans="1:12">
      <c r="A139" s="44" t="s">
        <v>545</v>
      </c>
      <c r="B139" s="180">
        <v>154</v>
      </c>
      <c r="C139" s="181">
        <v>5.8435178177917999</v>
      </c>
      <c r="D139" s="182">
        <v>0.20258636817348816</v>
      </c>
      <c r="E139" s="184">
        <v>5.4401959081386841E-2</v>
      </c>
      <c r="F139" s="92">
        <v>3.9416206870863328E-2</v>
      </c>
      <c r="G139" s="184">
        <v>8.0475423590515516E-2</v>
      </c>
      <c r="H139" s="92">
        <v>4.5783686017588039E-2</v>
      </c>
      <c r="I139" s="184">
        <v>0.84483423917200151</v>
      </c>
      <c r="J139" s="92">
        <v>5.8900028467657115E-2</v>
      </c>
      <c r="K139" s="91">
        <v>2.0288378156096208E-2</v>
      </c>
      <c r="L139" s="92">
        <v>2.8186125608238001E-2</v>
      </c>
    </row>
    <row r="140" spans="1:12">
      <c r="A140" s="52" t="s">
        <v>546</v>
      </c>
      <c r="B140" s="178">
        <v>72</v>
      </c>
      <c r="C140" s="179">
        <v>5.6164331714438944</v>
      </c>
      <c r="D140" s="80">
        <v>0.28016658405043321</v>
      </c>
      <c r="E140" s="183">
        <v>9.1632345362249498E-2</v>
      </c>
      <c r="F140" s="89">
        <v>7.2666515947188606E-2</v>
      </c>
      <c r="G140" s="183">
        <v>5.5688169399360415E-2</v>
      </c>
      <c r="H140" s="89">
        <v>6.1908448046266662E-2</v>
      </c>
      <c r="I140" s="183">
        <v>0.83139551991969241</v>
      </c>
      <c r="J140" s="89">
        <v>8.9275771855930733E-2</v>
      </c>
      <c r="K140" s="88">
        <v>2.1283965318697536E-2</v>
      </c>
      <c r="L140" s="89">
        <v>4.8296887709760622E-2</v>
      </c>
    </row>
    <row r="141" spans="1:12">
      <c r="A141" s="44" t="s">
        <v>547</v>
      </c>
      <c r="B141" s="180">
        <v>93</v>
      </c>
      <c r="C141" s="181">
        <v>5.2017125669498467</v>
      </c>
      <c r="D141" s="182">
        <v>0.28393809879103699</v>
      </c>
      <c r="E141" s="184">
        <v>9.0265006867435923E-2</v>
      </c>
      <c r="F141" s="92">
        <v>6.2813010683783588E-2</v>
      </c>
      <c r="G141" s="184">
        <v>0.19519957321298415</v>
      </c>
      <c r="H141" s="92">
        <v>8.2387278985523185E-2</v>
      </c>
      <c r="I141" s="184">
        <v>0.66160882359598117</v>
      </c>
      <c r="J141" s="92">
        <v>9.6536342996512786E-2</v>
      </c>
      <c r="K141" s="91">
        <v>5.2926596323597253E-2</v>
      </c>
      <c r="L141" s="92">
        <v>5.2276028071510626E-2</v>
      </c>
    </row>
    <row r="142" spans="1:12">
      <c r="A142" s="52" t="s">
        <v>551</v>
      </c>
      <c r="B142" s="178">
        <v>752</v>
      </c>
      <c r="C142" s="179">
        <v>5.1756317543032901</v>
      </c>
      <c r="D142" s="80">
        <v>0.10687054972081332</v>
      </c>
      <c r="E142" s="183">
        <v>0.12144044086540683</v>
      </c>
      <c r="F142" s="89">
        <v>2.3927262806518673E-2</v>
      </c>
      <c r="G142" s="183">
        <v>0.14112174148016504</v>
      </c>
      <c r="H142" s="89">
        <v>2.546557852156171E-2</v>
      </c>
      <c r="I142" s="183">
        <v>0.69498370905243778</v>
      </c>
      <c r="J142" s="89">
        <v>3.3521895443123485E-2</v>
      </c>
      <c r="K142" s="88">
        <v>4.2454108601989018E-2</v>
      </c>
      <c r="L142" s="89">
        <v>1.505918165243475E-2</v>
      </c>
    </row>
    <row r="143" spans="1:12">
      <c r="A143" s="44" t="s">
        <v>552</v>
      </c>
      <c r="B143" s="180">
        <v>211</v>
      </c>
      <c r="C143" s="181">
        <v>5.1953187978797448</v>
      </c>
      <c r="D143" s="182">
        <v>0.18469433597056387</v>
      </c>
      <c r="E143" s="184">
        <v>0.10842879561917923</v>
      </c>
      <c r="F143" s="92">
        <v>4.3631468954440575E-2</v>
      </c>
      <c r="G143" s="184">
        <v>0.15418340909197992</v>
      </c>
      <c r="H143" s="92">
        <v>5.0082595821430875E-2</v>
      </c>
      <c r="I143" s="184">
        <v>0.69900819811337878</v>
      </c>
      <c r="J143" s="92">
        <v>6.278137417934733E-2</v>
      </c>
      <c r="K143" s="91">
        <v>3.837959717546191E-2</v>
      </c>
      <c r="L143" s="92">
        <v>2.8857920322386234E-2</v>
      </c>
    </row>
    <row r="144" spans="1:12">
      <c r="A144" s="52" t="s">
        <v>553</v>
      </c>
      <c r="B144" s="178">
        <v>273</v>
      </c>
      <c r="C144" s="179">
        <v>5.2078114631049823</v>
      </c>
      <c r="D144" s="80">
        <v>0.18517150251230649</v>
      </c>
      <c r="E144" s="183">
        <v>0.13718428187603574</v>
      </c>
      <c r="F144" s="89">
        <v>4.1996913284088153E-2</v>
      </c>
      <c r="G144" s="183">
        <v>0.10420174990005737</v>
      </c>
      <c r="H144" s="89">
        <v>3.7587048746390662E-2</v>
      </c>
      <c r="I144" s="183">
        <v>0.70428021521334994</v>
      </c>
      <c r="J144" s="89">
        <v>5.4998011396157218E-2</v>
      </c>
      <c r="K144" s="88">
        <v>5.4333753010557567E-2</v>
      </c>
      <c r="L144" s="89">
        <v>2.8709034731383531E-2</v>
      </c>
    </row>
    <row r="145" spans="1:15">
      <c r="A145" s="44" t="s">
        <v>554</v>
      </c>
      <c r="B145" s="180">
        <v>238</v>
      </c>
      <c r="C145" s="181">
        <v>5.0876829978323697</v>
      </c>
      <c r="D145" s="182">
        <v>0.19748652398894548</v>
      </c>
      <c r="E145" s="184">
        <v>0.12128446643516448</v>
      </c>
      <c r="F145" s="92">
        <v>4.2886877416152921E-2</v>
      </c>
      <c r="G145" s="184">
        <v>0.16755276622029491</v>
      </c>
      <c r="H145" s="92">
        <v>4.8634619161418667E-2</v>
      </c>
      <c r="I145" s="184">
        <v>0.67429739300625058</v>
      </c>
      <c r="J145" s="92">
        <v>6.0386688178202599E-2</v>
      </c>
      <c r="K145" s="91">
        <v>3.6865374338290485E-2</v>
      </c>
      <c r="L145" s="92">
        <v>2.651630338951471E-2</v>
      </c>
    </row>
    <row r="146" spans="1:15" s="238" customFormat="1">
      <c r="A146" s="231"/>
      <c r="B146" s="240"/>
      <c r="C146" s="241"/>
      <c r="D146" s="237"/>
      <c r="E146" s="241"/>
      <c r="F146" s="237"/>
      <c r="G146" s="241"/>
      <c r="H146" s="237"/>
      <c r="I146"/>
      <c r="J146"/>
      <c r="K146"/>
      <c r="L146"/>
      <c r="M146"/>
      <c r="N146"/>
      <c r="O146"/>
    </row>
    <row r="147" spans="1:15" s="238" customFormat="1">
      <c r="A147" s="231"/>
      <c r="B147" s="240"/>
      <c r="C147" s="241"/>
      <c r="D147" s="237"/>
      <c r="E147" s="241"/>
      <c r="F147" s="237"/>
      <c r="G147" s="241"/>
      <c r="H147" s="237"/>
      <c r="I147"/>
      <c r="J147"/>
      <c r="K147"/>
      <c r="L147"/>
      <c r="M147"/>
      <c r="N147"/>
      <c r="O147"/>
    </row>
    <row r="148" spans="1:15" ht="18.75">
      <c r="A148" s="346" t="s">
        <v>30</v>
      </c>
      <c r="B148" s="346"/>
      <c r="C148" s="346"/>
      <c r="D148" s="346"/>
      <c r="E148" s="346"/>
      <c r="F148" s="346"/>
      <c r="G148" s="346"/>
      <c r="H148" s="346"/>
      <c r="I148" s="346"/>
      <c r="J148" s="346"/>
    </row>
    <row r="149" spans="1:15" ht="38.25" customHeight="1">
      <c r="A149" s="409" t="s">
        <v>318</v>
      </c>
      <c r="B149" s="409"/>
      <c r="C149" s="409"/>
      <c r="D149" s="409"/>
      <c r="E149" s="409"/>
      <c r="F149" s="409"/>
      <c r="G149" s="409"/>
      <c r="H149" s="409"/>
      <c r="I149" s="409"/>
      <c r="J149" s="409"/>
    </row>
    <row r="150" spans="1:15" ht="36" customHeight="1">
      <c r="A150" s="287" t="s">
        <v>220</v>
      </c>
      <c r="B150" s="288"/>
      <c r="C150" s="288"/>
      <c r="D150" s="288"/>
      <c r="E150" s="288"/>
      <c r="F150" s="288"/>
      <c r="G150" s="288"/>
      <c r="H150" s="288"/>
      <c r="I150" s="288"/>
      <c r="J150" s="288"/>
    </row>
    <row r="151" spans="1:15" ht="37.5" customHeight="1">
      <c r="A151" s="105" t="s">
        <v>71</v>
      </c>
      <c r="B151" s="33" t="s">
        <v>72</v>
      </c>
      <c r="C151" s="34" t="s">
        <v>592</v>
      </c>
      <c r="D151" s="35" t="s">
        <v>73</v>
      </c>
      <c r="E151" s="33" t="s">
        <v>219</v>
      </c>
      <c r="F151" s="84" t="s">
        <v>138</v>
      </c>
      <c r="G151" s="33" t="s">
        <v>139</v>
      </c>
      <c r="H151" s="84" t="s">
        <v>140</v>
      </c>
      <c r="I151" s="33" t="s">
        <v>319</v>
      </c>
      <c r="J151" s="84" t="s">
        <v>320</v>
      </c>
    </row>
    <row r="152" spans="1:15" ht="72">
      <c r="A152" s="106"/>
      <c r="B152" s="37" t="s">
        <v>74</v>
      </c>
      <c r="C152" s="123" t="s">
        <v>306</v>
      </c>
      <c r="D152" s="39" t="s">
        <v>76</v>
      </c>
      <c r="E152" s="37" t="s">
        <v>183</v>
      </c>
      <c r="F152" s="86" t="s">
        <v>88</v>
      </c>
      <c r="G152" s="37" t="s">
        <v>184</v>
      </c>
      <c r="H152" s="86" t="s">
        <v>88</v>
      </c>
      <c r="I152" s="37" t="s">
        <v>185</v>
      </c>
      <c r="J152" s="86" t="s">
        <v>88</v>
      </c>
    </row>
    <row r="153" spans="1:15">
      <c r="A153" s="40" t="s">
        <v>350</v>
      </c>
      <c r="B153" s="185">
        <v>13851</v>
      </c>
      <c r="C153" s="179">
        <v>3.0329160970560132</v>
      </c>
      <c r="D153" s="80">
        <v>3.6623511781898717E-2</v>
      </c>
      <c r="E153" s="186">
        <v>0.37105043020143802</v>
      </c>
      <c r="F153" s="89">
        <v>8.2084289746870275E-3</v>
      </c>
      <c r="G153" s="186">
        <v>0.34435669868004803</v>
      </c>
      <c r="H153" s="89">
        <v>8.0738051360290924E-3</v>
      </c>
      <c r="I153" s="186">
        <v>0.28459287111853304</v>
      </c>
      <c r="J153" s="89">
        <v>7.6673261852317435E-3</v>
      </c>
    </row>
    <row r="154" spans="1:15">
      <c r="A154" s="44" t="s">
        <v>351</v>
      </c>
      <c r="B154" s="44">
        <v>10168</v>
      </c>
      <c r="C154" s="181">
        <v>3.2855500810756517</v>
      </c>
      <c r="D154" s="182">
        <v>4.3504768149603079E-2</v>
      </c>
      <c r="E154" s="188">
        <v>0.33692624218903311</v>
      </c>
      <c r="F154" s="92">
        <v>9.3733640094873748E-3</v>
      </c>
      <c r="G154" s="188">
        <v>0.33185389271766746</v>
      </c>
      <c r="H154" s="92">
        <v>9.3380838807650968E-3</v>
      </c>
      <c r="I154" s="188">
        <v>0.3312198650932992</v>
      </c>
      <c r="J154" s="92">
        <v>9.3335884448259264E-3</v>
      </c>
    </row>
    <row r="155" spans="1:15">
      <c r="A155" s="40" t="s">
        <v>352</v>
      </c>
      <c r="B155" s="48">
        <v>3683</v>
      </c>
      <c r="C155" s="179">
        <v>2.8273523170568304</v>
      </c>
      <c r="D155" s="80">
        <v>6.3360027012683451E-2</v>
      </c>
      <c r="E155" s="186">
        <v>0.39881667512865937</v>
      </c>
      <c r="F155" s="89">
        <v>1.6128859226447259E-2</v>
      </c>
      <c r="G155" s="186">
        <v>0.35453000954395897</v>
      </c>
      <c r="H155" s="89">
        <v>1.5758014580535377E-2</v>
      </c>
      <c r="I155" s="186">
        <v>0.24665331532738238</v>
      </c>
      <c r="J155" s="89">
        <v>1.4203551377707875E-2</v>
      </c>
    </row>
    <row r="156" spans="1:15">
      <c r="A156" s="44" t="s">
        <v>534</v>
      </c>
      <c r="B156" s="44">
        <v>3192</v>
      </c>
      <c r="C156" s="181">
        <v>3.0787515913417267</v>
      </c>
      <c r="D156" s="182">
        <v>7.7826449997582134E-2</v>
      </c>
      <c r="E156" s="188">
        <v>0.37585384285854873</v>
      </c>
      <c r="F156" s="92">
        <v>1.7136216631009126E-2</v>
      </c>
      <c r="G156" s="188">
        <v>0.32415436800532527</v>
      </c>
      <c r="H156" s="92">
        <v>1.656162558753228E-2</v>
      </c>
      <c r="I156" s="188">
        <v>0.29999178913612157</v>
      </c>
      <c r="J156" s="92">
        <v>1.6215722924567032E-2</v>
      </c>
    </row>
    <row r="157" spans="1:15">
      <c r="A157" s="40" t="s">
        <v>535</v>
      </c>
      <c r="B157" s="48">
        <v>2514</v>
      </c>
      <c r="C157" s="179">
        <v>3.5863037810389504</v>
      </c>
      <c r="D157" s="80">
        <v>8.7849558161270824E-2</v>
      </c>
      <c r="E157" s="186">
        <v>0.30313668819716733</v>
      </c>
      <c r="F157" s="89">
        <v>1.8324056275003144E-2</v>
      </c>
      <c r="G157" s="186">
        <v>0.3002642007605385</v>
      </c>
      <c r="H157" s="89">
        <v>1.8274765444995823E-2</v>
      </c>
      <c r="I157" s="186">
        <v>0.396599111042298</v>
      </c>
      <c r="J157" s="89">
        <v>1.9498974461750598E-2</v>
      </c>
    </row>
    <row r="158" spans="1:15">
      <c r="A158" s="44" t="s">
        <v>536</v>
      </c>
      <c r="B158" s="44">
        <v>366</v>
      </c>
      <c r="C158" s="181">
        <v>3.7425588373327701</v>
      </c>
      <c r="D158" s="182">
        <v>0.22704516021504312</v>
      </c>
      <c r="E158" s="188">
        <v>0.25709455198391462</v>
      </c>
      <c r="F158" s="92">
        <v>4.5591107381917594E-2</v>
      </c>
      <c r="G158" s="188">
        <v>0.30840359110336568</v>
      </c>
      <c r="H158" s="92">
        <v>4.8108013362577834E-2</v>
      </c>
      <c r="I158" s="188">
        <v>0.43450185691271975</v>
      </c>
      <c r="J158" s="92">
        <v>5.1549215399288986E-2</v>
      </c>
    </row>
    <row r="159" spans="1:15">
      <c r="A159" s="40" t="s">
        <v>537</v>
      </c>
      <c r="B159" s="48">
        <v>86</v>
      </c>
      <c r="C159" s="179">
        <v>3.5242329958846601</v>
      </c>
      <c r="D159" s="80">
        <v>0.46665146371274213</v>
      </c>
      <c r="E159" s="186">
        <v>0.26798637306821188</v>
      </c>
      <c r="F159" s="89">
        <v>9.4480630118997974E-2</v>
      </c>
      <c r="G159" s="186">
        <v>0.36600243291410178</v>
      </c>
      <c r="H159" s="89">
        <v>0.10189432774377592</v>
      </c>
      <c r="I159" s="186">
        <v>0.36601119401768689</v>
      </c>
      <c r="J159" s="89">
        <v>0.10189479528498031</v>
      </c>
    </row>
    <row r="160" spans="1:15">
      <c r="A160" s="44" t="s">
        <v>538</v>
      </c>
      <c r="B160" s="44">
        <v>64</v>
      </c>
      <c r="C160" s="181">
        <v>3.5116507778501149</v>
      </c>
      <c r="D160" s="182">
        <v>0.52542112739317126</v>
      </c>
      <c r="E160" s="188">
        <v>0.32047490599006773</v>
      </c>
      <c r="F160" s="92">
        <v>0.11413379616668411</v>
      </c>
      <c r="G160" s="188">
        <v>0.29741907629730513</v>
      </c>
      <c r="H160" s="92">
        <v>0.11210475328072292</v>
      </c>
      <c r="I160" s="188">
        <v>0.38210601771262659</v>
      </c>
      <c r="J160" s="92">
        <v>0.11824403752273571</v>
      </c>
    </row>
    <row r="161" spans="1:10">
      <c r="A161" s="40" t="s">
        <v>539</v>
      </c>
      <c r="B161" s="48">
        <v>64</v>
      </c>
      <c r="C161" s="179">
        <v>3.9126381991921182</v>
      </c>
      <c r="D161" s="80">
        <v>0.53949858568705567</v>
      </c>
      <c r="E161" s="186">
        <v>0.20027922333728942</v>
      </c>
      <c r="F161" s="89">
        <v>0.10012496643699251</v>
      </c>
      <c r="G161" s="186">
        <v>0.32778287676980944</v>
      </c>
      <c r="H161" s="89">
        <v>0.11471906870473376</v>
      </c>
      <c r="I161" s="186">
        <v>0.47193789989290108</v>
      </c>
      <c r="J161" s="89">
        <v>0.12109851083899084</v>
      </c>
    </row>
    <row r="162" spans="1:10">
      <c r="A162" s="44" t="s">
        <v>540</v>
      </c>
      <c r="B162" s="44">
        <v>77</v>
      </c>
      <c r="C162" s="181">
        <v>3.6241827348688318</v>
      </c>
      <c r="D162" s="182">
        <v>0.49554711395462731</v>
      </c>
      <c r="E162" s="188">
        <v>0.29546199309783289</v>
      </c>
      <c r="F162" s="92">
        <v>0.10236562676675437</v>
      </c>
      <c r="G162" s="188">
        <v>0.2596338695910535</v>
      </c>
      <c r="H162" s="92">
        <v>9.8830066770041761E-2</v>
      </c>
      <c r="I162" s="188">
        <v>0.44490413731111295</v>
      </c>
      <c r="J162" s="92">
        <v>0.11049984102853802</v>
      </c>
    </row>
    <row r="163" spans="1:10">
      <c r="A163" s="40" t="s">
        <v>541</v>
      </c>
      <c r="B163" s="185">
        <v>75</v>
      </c>
      <c r="C163" s="179">
        <v>4.0982177485538713</v>
      </c>
      <c r="D163" s="80">
        <v>0.52128754988937698</v>
      </c>
      <c r="E163" s="186">
        <v>0.21849182606828918</v>
      </c>
      <c r="F163" s="89">
        <v>9.5088228498941565E-2</v>
      </c>
      <c r="G163" s="186">
        <v>0.27535613810398529</v>
      </c>
      <c r="H163" s="89">
        <v>0.10176073326929143</v>
      </c>
      <c r="I163" s="186">
        <v>0.50615203582772628</v>
      </c>
      <c r="J163" s="89">
        <v>0.11250111405096877</v>
      </c>
    </row>
    <row r="164" spans="1:10">
      <c r="A164" s="44" t="s">
        <v>542</v>
      </c>
      <c r="B164" s="187">
        <v>606</v>
      </c>
      <c r="C164" s="181">
        <v>3.8814122617682925</v>
      </c>
      <c r="D164" s="182">
        <v>0.18013869207579211</v>
      </c>
      <c r="E164" s="188">
        <v>0.25584213434953129</v>
      </c>
      <c r="F164" s="92">
        <v>3.5405490358190558E-2</v>
      </c>
      <c r="G164" s="188">
        <v>0.28651760122574055</v>
      </c>
      <c r="H164" s="92">
        <v>3.6666061242547628E-2</v>
      </c>
      <c r="I164" s="188">
        <v>0.45764026442472217</v>
      </c>
      <c r="J164" s="92">
        <v>4.0345159018012465E-2</v>
      </c>
    </row>
    <row r="165" spans="1:10">
      <c r="A165" s="40" t="s">
        <v>543</v>
      </c>
      <c r="B165" s="49">
        <v>59</v>
      </c>
      <c r="C165" s="179">
        <v>4.1863476620211379</v>
      </c>
      <c r="D165" s="80">
        <v>0.61503276520958616</v>
      </c>
      <c r="E165" s="186">
        <v>0.23616159536175269</v>
      </c>
      <c r="F165" s="89">
        <v>0.10952947942165354</v>
      </c>
      <c r="G165" s="186">
        <v>0.21749939680788724</v>
      </c>
      <c r="H165" s="89">
        <v>0.10690623684898767</v>
      </c>
      <c r="I165" s="186">
        <v>0.54633900783036071</v>
      </c>
      <c r="J165" s="89">
        <v>0.12551271700099964</v>
      </c>
    </row>
    <row r="166" spans="1:10">
      <c r="A166" s="44" t="s">
        <v>550</v>
      </c>
      <c r="B166" s="187">
        <v>108</v>
      </c>
      <c r="C166" s="181">
        <v>3.7187234783607201</v>
      </c>
      <c r="D166" s="182">
        <v>0.45182734188386398</v>
      </c>
      <c r="E166" s="188">
        <v>0.34650956835630325</v>
      </c>
      <c r="F166" s="92">
        <v>9.0256271110476446E-2</v>
      </c>
      <c r="G166" s="188">
        <v>0.20175095112635816</v>
      </c>
      <c r="H166" s="92">
        <v>7.7295304487904407E-2</v>
      </c>
      <c r="I166" s="188">
        <v>0.45173948051733825</v>
      </c>
      <c r="J166" s="92">
        <v>9.4080951881232527E-2</v>
      </c>
    </row>
    <row r="167" spans="1:10">
      <c r="A167" s="52" t="s">
        <v>544</v>
      </c>
      <c r="B167" s="185">
        <v>120</v>
      </c>
      <c r="C167" s="179">
        <v>3.8962787235868293</v>
      </c>
      <c r="D167" s="80">
        <v>0.39994601759920567</v>
      </c>
      <c r="E167" s="186">
        <v>0.24341408395532188</v>
      </c>
      <c r="F167" s="89">
        <v>7.7945941740419578E-2</v>
      </c>
      <c r="G167" s="186">
        <v>0.24561858547608217</v>
      </c>
      <c r="H167" s="89">
        <v>7.8163928743692102E-2</v>
      </c>
      <c r="I167" s="186">
        <v>0.51096733056859611</v>
      </c>
      <c r="J167" s="89">
        <v>8.9782416672004609E-2</v>
      </c>
    </row>
    <row r="168" spans="1:10">
      <c r="A168" s="44" t="s">
        <v>545</v>
      </c>
      <c r="B168" s="187">
        <v>153</v>
      </c>
      <c r="C168" s="181">
        <v>4.0039096859418724</v>
      </c>
      <c r="D168" s="182">
        <v>0.34915377576810902</v>
      </c>
      <c r="E168" s="188">
        <v>0.2237252771247604</v>
      </c>
      <c r="F168" s="92">
        <v>6.72502774538528E-2</v>
      </c>
      <c r="G168" s="188">
        <v>0.30650505012130785</v>
      </c>
      <c r="H168" s="92">
        <v>7.3915632252427227E-2</v>
      </c>
      <c r="I168" s="188">
        <v>0.46976967275393178</v>
      </c>
      <c r="J168" s="92">
        <v>7.9670036223216445E-2</v>
      </c>
    </row>
    <row r="169" spans="1:10">
      <c r="A169" s="52" t="s">
        <v>546</v>
      </c>
      <c r="B169" s="185">
        <v>71</v>
      </c>
      <c r="C169" s="179">
        <v>4.1417413311896736</v>
      </c>
      <c r="D169" s="80">
        <v>0.51681234985179425</v>
      </c>
      <c r="E169" s="186">
        <v>0.22007144992247235</v>
      </c>
      <c r="F169" s="89">
        <v>9.7918473700928488E-2</v>
      </c>
      <c r="G169" s="186">
        <v>0.32196590474481879</v>
      </c>
      <c r="H169" s="89">
        <v>0.10871237268342597</v>
      </c>
      <c r="I169" s="186">
        <v>0.4579626453327082</v>
      </c>
      <c r="J169" s="89">
        <v>0.11510373967396904</v>
      </c>
    </row>
    <row r="170" spans="1:10">
      <c r="A170" s="44" t="s">
        <v>547</v>
      </c>
      <c r="B170" s="187">
        <v>95</v>
      </c>
      <c r="C170" s="181">
        <v>3.3551857938041265</v>
      </c>
      <c r="D170" s="182">
        <v>0.44046717056240925</v>
      </c>
      <c r="E170" s="188">
        <v>0.24489987624924311</v>
      </c>
      <c r="F170" s="92">
        <v>8.7634770929918296E-2</v>
      </c>
      <c r="G170" s="188">
        <v>0.47940316325825494</v>
      </c>
      <c r="H170" s="92">
        <v>0.10042522902332343</v>
      </c>
      <c r="I170" s="188">
        <v>0.27569696049250081</v>
      </c>
      <c r="J170" s="92">
        <v>9.0714697031338359E-2</v>
      </c>
    </row>
    <row r="171" spans="1:10">
      <c r="A171" s="52" t="s">
        <v>551</v>
      </c>
      <c r="B171" s="185">
        <v>750</v>
      </c>
      <c r="C171" s="179">
        <v>2.8253874801721701</v>
      </c>
      <c r="D171" s="80">
        <v>0.14436237316947781</v>
      </c>
      <c r="E171" s="186">
        <v>0.41619071286436182</v>
      </c>
      <c r="F171" s="89">
        <v>3.5908100419271491E-2</v>
      </c>
      <c r="G171" s="186">
        <v>0.33338523149151472</v>
      </c>
      <c r="H171" s="89">
        <v>3.435910209581703E-2</v>
      </c>
      <c r="I171" s="186">
        <v>0.25042405564412634</v>
      </c>
      <c r="J171" s="89">
        <v>3.1611952314760779E-2</v>
      </c>
    </row>
    <row r="172" spans="1:10">
      <c r="A172" s="44" t="s">
        <v>552</v>
      </c>
      <c r="B172" s="187">
        <v>206</v>
      </c>
      <c r="C172" s="181">
        <v>2.614890149145578</v>
      </c>
      <c r="D172" s="182">
        <v>0.26139868192773924</v>
      </c>
      <c r="E172" s="188">
        <v>0.41301304609952671</v>
      </c>
      <c r="F172" s="92">
        <v>6.7994226777169542E-2</v>
      </c>
      <c r="G172" s="188">
        <v>0.38022502389945656</v>
      </c>
      <c r="H172" s="92">
        <v>6.7074268174067211E-2</v>
      </c>
      <c r="I172" s="188">
        <v>0.20676193000101697</v>
      </c>
      <c r="J172" s="92">
        <v>5.6443143161338749E-2</v>
      </c>
    </row>
    <row r="173" spans="1:10">
      <c r="A173" s="52" t="s">
        <v>553</v>
      </c>
      <c r="B173" s="185">
        <v>269</v>
      </c>
      <c r="C173" s="179">
        <v>2.819914338641595</v>
      </c>
      <c r="D173" s="80">
        <v>0.24439944643040137</v>
      </c>
      <c r="E173" s="186">
        <v>0.42988706552548289</v>
      </c>
      <c r="F173" s="89">
        <v>5.994224014962353E-2</v>
      </c>
      <c r="G173" s="186">
        <v>0.31059609986695413</v>
      </c>
      <c r="H173" s="89">
        <v>5.6148639619108098E-2</v>
      </c>
      <c r="I173" s="186">
        <v>0.25951683460756408</v>
      </c>
      <c r="J173" s="89">
        <v>5.3294419883841301E-2</v>
      </c>
    </row>
    <row r="174" spans="1:10">
      <c r="A174" s="44" t="s">
        <v>554</v>
      </c>
      <c r="B174" s="187">
        <v>241</v>
      </c>
      <c r="C174" s="181">
        <v>2.9158261636658391</v>
      </c>
      <c r="D174" s="182">
        <v>0.25959794957627541</v>
      </c>
      <c r="E174" s="188">
        <v>0.42403876902994175</v>
      </c>
      <c r="F174" s="92">
        <v>6.3170228720849306E-2</v>
      </c>
      <c r="G174" s="188">
        <v>0.31212192610776612</v>
      </c>
      <c r="H174" s="92">
        <v>5.936329020981513E-2</v>
      </c>
      <c r="I174" s="188">
        <v>0.26383930486229318</v>
      </c>
      <c r="J174" s="92">
        <v>5.6573503884102296E-2</v>
      </c>
    </row>
    <row r="177" spans="1:4" ht="18.75">
      <c r="A177" s="344" t="s">
        <v>13</v>
      </c>
      <c r="B177" s="344"/>
      <c r="C177" s="344"/>
      <c r="D177" s="344"/>
    </row>
    <row r="178" spans="1:4" ht="102" customHeight="1">
      <c r="A178" s="402" t="s">
        <v>398</v>
      </c>
      <c r="B178" s="402"/>
      <c r="C178" s="402"/>
      <c r="D178" s="402"/>
    </row>
    <row r="179" spans="1:4" ht="47.25" customHeight="1">
      <c r="A179" s="412" t="s">
        <v>14</v>
      </c>
      <c r="B179" s="351"/>
      <c r="C179" s="351"/>
      <c r="D179" s="351"/>
    </row>
    <row r="180" spans="1:4" ht="72">
      <c r="A180" s="32" t="s">
        <v>71</v>
      </c>
      <c r="B180" s="33" t="s">
        <v>72</v>
      </c>
      <c r="C180" s="34" t="s">
        <v>593</v>
      </c>
      <c r="D180" s="35" t="s">
        <v>73</v>
      </c>
    </row>
    <row r="181" spans="1:4" ht="72">
      <c r="A181" s="36"/>
      <c r="B181" s="37" t="s">
        <v>74</v>
      </c>
      <c r="C181" s="123" t="s">
        <v>399</v>
      </c>
      <c r="D181" s="39" t="s">
        <v>76</v>
      </c>
    </row>
    <row r="182" spans="1:4">
      <c r="A182" s="40" t="s">
        <v>350</v>
      </c>
      <c r="B182" s="161">
        <v>13827</v>
      </c>
      <c r="C182" s="162">
        <v>5.0982380875424731</v>
      </c>
      <c r="D182" s="81">
        <v>2.4190472874140591E-2</v>
      </c>
    </row>
    <row r="183" spans="1:4">
      <c r="A183" s="44" t="s">
        <v>351</v>
      </c>
      <c r="B183" s="44">
        <v>10151</v>
      </c>
      <c r="C183" s="164">
        <v>5.3220089317492016</v>
      </c>
      <c r="D183" s="82">
        <v>2.8117786814764043E-2</v>
      </c>
    </row>
    <row r="184" spans="1:4">
      <c r="A184" s="40" t="s">
        <v>352</v>
      </c>
      <c r="B184" s="48">
        <v>3676</v>
      </c>
      <c r="C184" s="162">
        <v>4.9158790423429561</v>
      </c>
      <c r="D184" s="81">
        <v>4.4776993159336351E-2</v>
      </c>
    </row>
    <row r="185" spans="1:4">
      <c r="A185" s="44" t="s">
        <v>534</v>
      </c>
      <c r="B185" s="44">
        <v>3181</v>
      </c>
      <c r="C185" s="164">
        <v>5.1770775954979893</v>
      </c>
      <c r="D185" s="82">
        <v>4.8735139720655699E-2</v>
      </c>
    </row>
    <row r="186" spans="1:4">
      <c r="A186" s="40" t="s">
        <v>535</v>
      </c>
      <c r="B186" s="48">
        <v>2506</v>
      </c>
      <c r="C186" s="162">
        <v>5.6055221607982828</v>
      </c>
      <c r="D186" s="81">
        <v>5.384766202111748E-2</v>
      </c>
    </row>
    <row r="187" spans="1:4">
      <c r="A187" s="44" t="s">
        <v>536</v>
      </c>
      <c r="B187" s="44">
        <v>367</v>
      </c>
      <c r="C187" s="164">
        <v>5.519544977807981</v>
      </c>
      <c r="D187" s="82">
        <v>0.13346948462719307</v>
      </c>
    </row>
    <row r="188" spans="1:4">
      <c r="A188" s="40" t="s">
        <v>537</v>
      </c>
      <c r="B188" s="48">
        <v>86</v>
      </c>
      <c r="C188" s="162">
        <v>5.5705763109837987</v>
      </c>
      <c r="D188" s="81">
        <v>0.26804087914736469</v>
      </c>
    </row>
    <row r="189" spans="1:4">
      <c r="A189" s="44" t="s">
        <v>538</v>
      </c>
      <c r="B189" s="44">
        <v>64</v>
      </c>
      <c r="C189" s="164">
        <v>5.4472839481542286</v>
      </c>
      <c r="D189" s="82">
        <v>0.34023888666641267</v>
      </c>
    </row>
    <row r="190" spans="1:4">
      <c r="A190" s="40" t="s">
        <v>539</v>
      </c>
      <c r="B190" s="48">
        <v>64</v>
      </c>
      <c r="C190" s="162">
        <v>5.4013705232532532</v>
      </c>
      <c r="D190" s="81">
        <v>0.33274660638475495</v>
      </c>
    </row>
    <row r="191" spans="1:4">
      <c r="A191" s="44" t="s">
        <v>540</v>
      </c>
      <c r="B191" s="44">
        <v>76</v>
      </c>
      <c r="C191" s="164">
        <v>5.6609329714417598</v>
      </c>
      <c r="D191" s="82">
        <v>0.25393672290304947</v>
      </c>
    </row>
    <row r="192" spans="1:4">
      <c r="A192" s="40" t="s">
        <v>541</v>
      </c>
      <c r="B192" s="161">
        <v>77</v>
      </c>
      <c r="C192" s="162">
        <v>5.5333576714658195</v>
      </c>
      <c r="D192" s="81">
        <v>0.30857391794984146</v>
      </c>
    </row>
    <row r="193" spans="1:34">
      <c r="A193" s="44" t="s">
        <v>542</v>
      </c>
      <c r="B193" s="163">
        <v>601</v>
      </c>
      <c r="C193" s="164">
        <v>5.636953036853634</v>
      </c>
      <c r="D193" s="82">
        <v>0.11077224461599409</v>
      </c>
    </row>
    <row r="194" spans="1:34">
      <c r="A194" s="40" t="s">
        <v>543</v>
      </c>
      <c r="B194" s="78">
        <v>59</v>
      </c>
      <c r="C194" s="162">
        <v>5.9489841164861961</v>
      </c>
      <c r="D194" s="81">
        <v>0.3886437510298581</v>
      </c>
    </row>
    <row r="195" spans="1:34">
      <c r="A195" s="44" t="s">
        <v>550</v>
      </c>
      <c r="B195" s="163">
        <v>107</v>
      </c>
      <c r="C195" s="164">
        <v>5.2673338513709185</v>
      </c>
      <c r="D195" s="82">
        <v>0.30076321834597142</v>
      </c>
    </row>
    <row r="196" spans="1:34">
      <c r="A196" s="52" t="s">
        <v>544</v>
      </c>
      <c r="B196" s="161">
        <v>119</v>
      </c>
      <c r="C196" s="162">
        <v>5.4403091195597142</v>
      </c>
      <c r="D196" s="81">
        <v>0.23983562185870527</v>
      </c>
    </row>
    <row r="197" spans="1:34">
      <c r="A197" s="44" t="s">
        <v>545</v>
      </c>
      <c r="B197" s="163">
        <v>152</v>
      </c>
      <c r="C197" s="164">
        <v>5.7783998640957384</v>
      </c>
      <c r="D197" s="82">
        <v>0.19118683512124202</v>
      </c>
    </row>
    <row r="198" spans="1:34">
      <c r="A198" s="52" t="s">
        <v>546</v>
      </c>
      <c r="B198" s="161">
        <v>71</v>
      </c>
      <c r="C198" s="162">
        <v>6.0723823861363844</v>
      </c>
      <c r="D198" s="81">
        <v>0.26353496332349213</v>
      </c>
    </row>
    <row r="199" spans="1:34">
      <c r="A199" s="44" t="s">
        <v>547</v>
      </c>
      <c r="B199" s="163">
        <v>93</v>
      </c>
      <c r="C199" s="164">
        <v>5.6148529159352369</v>
      </c>
      <c r="D199" s="82">
        <v>0.3042816999529005</v>
      </c>
    </row>
    <row r="200" spans="1:34">
      <c r="A200" s="52" t="s">
        <v>551</v>
      </c>
      <c r="B200" s="161">
        <v>747</v>
      </c>
      <c r="C200" s="162">
        <v>5.0345735452521492</v>
      </c>
      <c r="D200" s="81">
        <v>0.10047059767958907</v>
      </c>
    </row>
    <row r="201" spans="1:34">
      <c r="A201" s="44" t="s">
        <v>552</v>
      </c>
      <c r="B201" s="163">
        <v>210</v>
      </c>
      <c r="C201" s="164">
        <v>5.2731376802640177</v>
      </c>
      <c r="D201" s="82">
        <v>0.17499403734894803</v>
      </c>
    </row>
    <row r="202" spans="1:34">
      <c r="A202" s="52" t="s">
        <v>553</v>
      </c>
      <c r="B202" s="161">
        <v>266</v>
      </c>
      <c r="C202" s="162">
        <v>4.9052889579407779</v>
      </c>
      <c r="D202" s="81">
        <v>0.16526423597801701</v>
      </c>
    </row>
    <row r="203" spans="1:34">
      <c r="A203" s="44" t="s">
        <v>554</v>
      </c>
      <c r="B203" s="163">
        <v>237</v>
      </c>
      <c r="C203" s="164">
        <v>4.9804904792886182</v>
      </c>
      <c r="D203" s="82">
        <v>0.19432552828465924</v>
      </c>
    </row>
    <row r="206" spans="1:34" ht="18.75">
      <c r="A206" s="344" t="s">
        <v>400</v>
      </c>
      <c r="B206" s="344"/>
      <c r="C206" s="344"/>
      <c r="D206" s="344"/>
      <c r="E206" s="344"/>
      <c r="F206" s="344"/>
      <c r="G206" s="344"/>
      <c r="H206" s="344"/>
      <c r="I206" s="344"/>
      <c r="J206" s="344"/>
      <c r="K206" s="344"/>
      <c r="L206" s="344"/>
      <c r="M206" s="344"/>
      <c r="N206" s="344"/>
      <c r="O206" s="344"/>
      <c r="P206" s="344"/>
      <c r="Q206" s="344"/>
      <c r="R206" s="344"/>
      <c r="S206" s="344"/>
      <c r="T206" s="344"/>
      <c r="U206" s="344"/>
      <c r="V206" s="344"/>
      <c r="W206" s="344"/>
      <c r="X206" s="344"/>
      <c r="Y206" s="344"/>
      <c r="Z206" s="344"/>
      <c r="AA206" s="344"/>
      <c r="AB206" s="344"/>
      <c r="AC206" s="344"/>
      <c r="AD206" s="344"/>
      <c r="AE206" s="344"/>
      <c r="AF206" s="344"/>
      <c r="AG206" s="344"/>
      <c r="AH206" s="344"/>
    </row>
    <row r="207" spans="1:34" ht="58.5" customHeight="1">
      <c r="A207" s="402" t="s">
        <v>596</v>
      </c>
      <c r="B207" s="402"/>
      <c r="C207" s="402"/>
      <c r="D207" s="402"/>
      <c r="E207" s="402"/>
      <c r="F207" s="402"/>
      <c r="G207" s="402"/>
      <c r="H207" s="402"/>
      <c r="I207" s="402"/>
      <c r="J207" s="402"/>
      <c r="K207" s="402"/>
      <c r="L207" s="402"/>
      <c r="M207" s="402"/>
      <c r="N207" s="402"/>
      <c r="O207" s="402"/>
      <c r="P207" s="402"/>
      <c r="Q207" s="402"/>
      <c r="R207" s="402"/>
      <c r="S207" s="402"/>
      <c r="T207" s="402"/>
      <c r="U207" s="402"/>
      <c r="V207" s="402"/>
      <c r="W207" s="402"/>
      <c r="X207" s="402"/>
      <c r="Y207" s="402"/>
      <c r="Z207" s="402"/>
      <c r="AA207" s="402"/>
      <c r="AB207" s="402"/>
      <c r="AC207" s="402"/>
      <c r="AD207" s="402"/>
      <c r="AE207" s="402"/>
      <c r="AF207" s="402"/>
      <c r="AG207" s="402"/>
      <c r="AH207" s="402"/>
    </row>
    <row r="208" spans="1:34" ht="36" customHeight="1">
      <c r="A208" s="291"/>
      <c r="B208" s="396" t="s">
        <v>141</v>
      </c>
      <c r="C208" s="397"/>
      <c r="D208" s="397"/>
      <c r="E208" s="397"/>
      <c r="F208" s="397"/>
      <c r="G208" s="397"/>
      <c r="H208" s="397"/>
      <c r="I208" s="397"/>
      <c r="J208" s="397"/>
      <c r="K208" s="397"/>
      <c r="L208" s="397"/>
      <c r="M208" s="396" t="s">
        <v>401</v>
      </c>
      <c r="N208" s="397"/>
      <c r="O208" s="397"/>
      <c r="P208" s="397"/>
      <c r="Q208" s="397"/>
      <c r="R208" s="397"/>
      <c r="S208" s="397"/>
      <c r="T208" s="397"/>
      <c r="U208" s="397"/>
      <c r="V208" s="397"/>
      <c r="W208" s="397"/>
      <c r="X208" s="396" t="s">
        <v>402</v>
      </c>
      <c r="Y208" s="397"/>
      <c r="Z208" s="397"/>
      <c r="AA208" s="397"/>
      <c r="AB208" s="397"/>
      <c r="AC208" s="397"/>
      <c r="AD208" s="397"/>
      <c r="AE208" s="397"/>
      <c r="AF208" s="397"/>
      <c r="AG208" s="397"/>
      <c r="AH208" s="397"/>
    </row>
    <row r="209" spans="1:34" ht="39.75" customHeight="1">
      <c r="A209" s="32" t="s">
        <v>71</v>
      </c>
      <c r="B209" s="33" t="s">
        <v>72</v>
      </c>
      <c r="C209" s="34" t="s">
        <v>593</v>
      </c>
      <c r="D209" s="35" t="s">
        <v>73</v>
      </c>
      <c r="E209" s="33" t="s">
        <v>156</v>
      </c>
      <c r="F209" s="84" t="s">
        <v>85</v>
      </c>
      <c r="G209" s="33" t="s">
        <v>157</v>
      </c>
      <c r="H209" s="84" t="s">
        <v>86</v>
      </c>
      <c r="I209" s="33" t="s">
        <v>158</v>
      </c>
      <c r="J209" s="84" t="s">
        <v>87</v>
      </c>
      <c r="K209" s="33" t="s">
        <v>301</v>
      </c>
      <c r="L209" s="84" t="s">
        <v>300</v>
      </c>
      <c r="M209" s="60" t="s">
        <v>72</v>
      </c>
      <c r="N209" s="61" t="s">
        <v>593</v>
      </c>
      <c r="O209" s="62" t="s">
        <v>73</v>
      </c>
      <c r="P209" s="60" t="s">
        <v>156</v>
      </c>
      <c r="Q209" s="83" t="s">
        <v>85</v>
      </c>
      <c r="R209" s="60" t="s">
        <v>157</v>
      </c>
      <c r="S209" s="83" t="s">
        <v>86</v>
      </c>
      <c r="T209" s="60" t="s">
        <v>158</v>
      </c>
      <c r="U209" s="83" t="s">
        <v>87</v>
      </c>
      <c r="V209" s="60" t="s">
        <v>301</v>
      </c>
      <c r="W209" s="83" t="s">
        <v>300</v>
      </c>
      <c r="X209" s="33" t="s">
        <v>72</v>
      </c>
      <c r="Y209" s="34" t="s">
        <v>593</v>
      </c>
      <c r="Z209" s="35" t="s">
        <v>73</v>
      </c>
      <c r="AA209" s="33" t="s">
        <v>158</v>
      </c>
      <c r="AB209" s="84" t="s">
        <v>87</v>
      </c>
      <c r="AC209" s="33" t="s">
        <v>157</v>
      </c>
      <c r="AD209" s="84" t="s">
        <v>86</v>
      </c>
      <c r="AE209" s="33" t="s">
        <v>156</v>
      </c>
      <c r="AF209" s="84" t="s">
        <v>579</v>
      </c>
      <c r="AG209" s="33" t="s">
        <v>301</v>
      </c>
      <c r="AH209" s="84" t="s">
        <v>300</v>
      </c>
    </row>
    <row r="210" spans="1:34" ht="73.5" customHeight="1">
      <c r="A210" s="36"/>
      <c r="B210" s="37" t="s">
        <v>74</v>
      </c>
      <c r="C210" s="123" t="s">
        <v>305</v>
      </c>
      <c r="D210" s="39" t="s">
        <v>76</v>
      </c>
      <c r="E210" s="37" t="s">
        <v>159</v>
      </c>
      <c r="F210" s="86" t="s">
        <v>142</v>
      </c>
      <c r="G210" s="37" t="s">
        <v>160</v>
      </c>
      <c r="H210" s="86" t="s">
        <v>88</v>
      </c>
      <c r="I210" s="37" t="s">
        <v>161</v>
      </c>
      <c r="J210" s="86" t="s">
        <v>88</v>
      </c>
      <c r="K210" s="37" t="s">
        <v>301</v>
      </c>
      <c r="L210" s="86" t="s">
        <v>88</v>
      </c>
      <c r="M210" s="63" t="s">
        <v>74</v>
      </c>
      <c r="N210" s="254" t="s">
        <v>305</v>
      </c>
      <c r="O210" s="65" t="s">
        <v>76</v>
      </c>
      <c r="P210" s="63" t="s">
        <v>159</v>
      </c>
      <c r="Q210" s="85" t="s">
        <v>142</v>
      </c>
      <c r="R210" s="63" t="s">
        <v>160</v>
      </c>
      <c r="S210" s="85" t="s">
        <v>88</v>
      </c>
      <c r="T210" s="63" t="s">
        <v>161</v>
      </c>
      <c r="U210" s="85" t="s">
        <v>88</v>
      </c>
      <c r="V210" s="63" t="s">
        <v>301</v>
      </c>
      <c r="W210" s="85" t="s">
        <v>88</v>
      </c>
      <c r="X210" s="37" t="s">
        <v>74</v>
      </c>
      <c r="Y210" s="123" t="s">
        <v>578</v>
      </c>
      <c r="Z210" s="39" t="s">
        <v>76</v>
      </c>
      <c r="AA210" s="37" t="s">
        <v>161</v>
      </c>
      <c r="AB210" s="86" t="s">
        <v>88</v>
      </c>
      <c r="AC210" s="37" t="s">
        <v>160</v>
      </c>
      <c r="AD210" s="86" t="s">
        <v>88</v>
      </c>
      <c r="AE210" s="37" t="s">
        <v>159</v>
      </c>
      <c r="AF210" s="86" t="s">
        <v>88</v>
      </c>
      <c r="AG210" s="37" t="s">
        <v>301</v>
      </c>
      <c r="AH210" s="86" t="s">
        <v>88</v>
      </c>
    </row>
    <row r="211" spans="1:34">
      <c r="A211" s="40" t="s">
        <v>350</v>
      </c>
      <c r="B211" s="189">
        <v>13943</v>
      </c>
      <c r="C211" s="179">
        <v>5.2674529049140011</v>
      </c>
      <c r="D211" s="80">
        <v>2.5396140619569116E-2</v>
      </c>
      <c r="E211" s="186">
        <v>0.13037988512584719</v>
      </c>
      <c r="F211" s="89">
        <v>5.704396323305696E-3</v>
      </c>
      <c r="G211" s="186">
        <v>0.14594893252937521</v>
      </c>
      <c r="H211" s="89">
        <v>5.9807711118543905E-3</v>
      </c>
      <c r="I211" s="186">
        <v>0.70924715130903837</v>
      </c>
      <c r="J211" s="89">
        <v>7.6908939904346855E-3</v>
      </c>
      <c r="K211" s="186">
        <v>1.4424031035749629E-2</v>
      </c>
      <c r="L211" s="89">
        <v>2.0287744870067449E-3</v>
      </c>
      <c r="M211" s="189">
        <v>13859</v>
      </c>
      <c r="N211" s="179">
        <v>4.9898617291731453</v>
      </c>
      <c r="O211" s="80">
        <v>2.7329001428974493E-2</v>
      </c>
      <c r="P211" s="186">
        <v>0.17905338823202274</v>
      </c>
      <c r="Q211" s="89">
        <v>6.5138521239697291E-3</v>
      </c>
      <c r="R211" s="186">
        <v>0.16401517979330132</v>
      </c>
      <c r="S211" s="89">
        <v>6.2913772908889821E-3</v>
      </c>
      <c r="T211" s="186">
        <v>0.64197233469599102</v>
      </c>
      <c r="U211" s="89">
        <v>8.143832280892601E-3</v>
      </c>
      <c r="V211" s="186">
        <v>1.4959097278701537E-2</v>
      </c>
      <c r="W211" s="89">
        <v>2.0714405463674937E-3</v>
      </c>
      <c r="X211" s="189">
        <v>13854</v>
      </c>
      <c r="Y211" s="179">
        <v>5.044863519472699</v>
      </c>
      <c r="Z211" s="80">
        <v>3.0716765481605339E-2</v>
      </c>
      <c r="AA211" s="186">
        <v>0.23058309098054219</v>
      </c>
      <c r="AB211" s="89">
        <v>7.1569104274514499E-3</v>
      </c>
      <c r="AC211" s="186">
        <v>0.10805259362280144</v>
      </c>
      <c r="AD211" s="89">
        <v>5.2767513683299504E-3</v>
      </c>
      <c r="AE211" s="186">
        <v>0.64754024686774148</v>
      </c>
      <c r="AF211" s="89">
        <v>8.1167061002784049E-3</v>
      </c>
      <c r="AG211" s="186">
        <v>1.3824068528934631E-2</v>
      </c>
      <c r="AH211" s="89">
        <v>1.993595956119424E-3</v>
      </c>
    </row>
    <row r="212" spans="1:34">
      <c r="A212" s="44" t="s">
        <v>351</v>
      </c>
      <c r="B212" s="44">
        <v>10220</v>
      </c>
      <c r="C212" s="181">
        <v>5.4582937986452427</v>
      </c>
      <c r="D212" s="182">
        <v>2.9161141284772256E-2</v>
      </c>
      <c r="E212" s="188">
        <v>0.11475980873372124</v>
      </c>
      <c r="F212" s="92">
        <v>6.3080201788134381E-3</v>
      </c>
      <c r="G212" s="188">
        <v>0.12081702264701885</v>
      </c>
      <c r="H212" s="92">
        <v>6.4499017770815598E-3</v>
      </c>
      <c r="I212" s="188">
        <v>0.7541948219122131</v>
      </c>
      <c r="J212" s="92">
        <v>8.5175769222327509E-3</v>
      </c>
      <c r="K212" s="188">
        <v>1.0228346707037489E-2</v>
      </c>
      <c r="L212" s="92">
        <v>2.0085291069678415E-3</v>
      </c>
      <c r="M212" s="44">
        <v>10157</v>
      </c>
      <c r="N212" s="181">
        <v>5.1796464492033865</v>
      </c>
      <c r="O212" s="182">
        <v>3.1525837329850398E-2</v>
      </c>
      <c r="P212" s="188">
        <v>0.16256264098281814</v>
      </c>
      <c r="Q212" s="92">
        <v>7.3230370034518804E-3</v>
      </c>
      <c r="R212" s="188">
        <v>0.13803092907982234</v>
      </c>
      <c r="S212" s="92">
        <v>6.8467420952802007E-3</v>
      </c>
      <c r="T212" s="188">
        <v>0.68924169751998188</v>
      </c>
      <c r="U212" s="92">
        <v>9.1830614394183482E-3</v>
      </c>
      <c r="V212" s="188">
        <v>1.0164732417369877E-2</v>
      </c>
      <c r="W212" s="92">
        <v>2.0087676023535467E-3</v>
      </c>
      <c r="X212" s="44">
        <v>10145</v>
      </c>
      <c r="Y212" s="181">
        <v>5.3320696307010129</v>
      </c>
      <c r="Z212" s="182">
        <v>3.4626838593356107E-2</v>
      </c>
      <c r="AA212" s="188">
        <v>0.1866335940696498</v>
      </c>
      <c r="AB212" s="92">
        <v>7.7369015514828837E-3</v>
      </c>
      <c r="AC212" s="188">
        <v>9.0522174916732506E-2</v>
      </c>
      <c r="AD212" s="92">
        <v>5.7008573558275646E-3</v>
      </c>
      <c r="AE212" s="188">
        <v>0.71379178768450657</v>
      </c>
      <c r="AF212" s="92">
        <v>8.9739464397979186E-3</v>
      </c>
      <c r="AG212" s="188">
        <v>9.0524433291043378E-3</v>
      </c>
      <c r="AH212" s="92">
        <v>1.9001015753012239E-3</v>
      </c>
    </row>
    <row r="213" spans="1:34">
      <c r="A213" s="40" t="s">
        <v>352</v>
      </c>
      <c r="B213" s="48">
        <v>3723</v>
      </c>
      <c r="C213" s="179">
        <v>5.1117031039451977</v>
      </c>
      <c r="D213" s="80">
        <v>4.951252846847088E-2</v>
      </c>
      <c r="E213" s="186">
        <v>0.14302999859372642</v>
      </c>
      <c r="F213" s="89">
        <v>1.1482341147721219E-2</v>
      </c>
      <c r="G213" s="186">
        <v>0.16630232285188554</v>
      </c>
      <c r="H213" s="89">
        <v>1.2208929486818442E-2</v>
      </c>
      <c r="I213" s="186">
        <v>0.67284572029336776</v>
      </c>
      <c r="J213" s="89">
        <v>1.5372608500991874E-2</v>
      </c>
      <c r="K213" s="186">
        <v>1.782195826102102E-2</v>
      </c>
      <c r="L213" s="89">
        <v>4.3956609408566608E-3</v>
      </c>
      <c r="M213" s="48">
        <v>3702</v>
      </c>
      <c r="N213" s="179">
        <v>4.8346504973168001</v>
      </c>
      <c r="O213" s="80">
        <v>5.2490916215009328E-2</v>
      </c>
      <c r="P213" s="186">
        <v>0.192421702191273</v>
      </c>
      <c r="Q213" s="89">
        <v>1.2959303622014124E-2</v>
      </c>
      <c r="R213" s="186">
        <v>0.18507945397593281</v>
      </c>
      <c r="S213" s="89">
        <v>1.2767970386900631E-2</v>
      </c>
      <c r="T213" s="186">
        <v>0.60365316860022844</v>
      </c>
      <c r="U213" s="89">
        <v>1.6070513828775387E-2</v>
      </c>
      <c r="V213" s="186">
        <v>1.884567523256539E-2</v>
      </c>
      <c r="W213" s="89">
        <v>4.5273047846472103E-3</v>
      </c>
      <c r="X213" s="48">
        <v>3709</v>
      </c>
      <c r="Y213" s="179">
        <v>4.8107298992910357</v>
      </c>
      <c r="Z213" s="80">
        <v>6.2317355494325335E-2</v>
      </c>
      <c r="AA213" s="186">
        <v>0.26609927437951764</v>
      </c>
      <c r="AB213" s="89">
        <v>1.4509050225637487E-2</v>
      </c>
      <c r="AC213" s="186">
        <v>0.1222191622888306</v>
      </c>
      <c r="AD213" s="89">
        <v>1.0765926282271817E-2</v>
      </c>
      <c r="AE213" s="186">
        <v>0.59400147988514096</v>
      </c>
      <c r="AF213" s="89">
        <v>1.6119094541324468E-2</v>
      </c>
      <c r="AG213" s="186">
        <v>1.7680083446510748E-2</v>
      </c>
      <c r="AH213" s="89">
        <v>4.3874384546956505E-3</v>
      </c>
    </row>
    <row r="214" spans="1:34">
      <c r="A214" s="44" t="s">
        <v>534</v>
      </c>
      <c r="B214" s="44">
        <v>3207</v>
      </c>
      <c r="C214" s="181">
        <v>5.3523771500075483</v>
      </c>
      <c r="D214" s="182">
        <v>5.0605352673657636E-2</v>
      </c>
      <c r="E214" s="188">
        <v>0.11702731474654852</v>
      </c>
      <c r="F214" s="92">
        <v>1.1365620921746693E-2</v>
      </c>
      <c r="G214" s="188">
        <v>0.13642734324281569</v>
      </c>
      <c r="H214" s="92">
        <v>1.2131535343780732E-2</v>
      </c>
      <c r="I214" s="188">
        <v>0.7316835874036357</v>
      </c>
      <c r="J214" s="92">
        <v>1.5643823071449063E-2</v>
      </c>
      <c r="K214" s="188">
        <v>1.486175460699782E-2</v>
      </c>
      <c r="L214" s="92">
        <v>4.3552750445701094E-3</v>
      </c>
      <c r="M214" s="44">
        <v>3189</v>
      </c>
      <c r="N214" s="181">
        <v>5.1277083666723771</v>
      </c>
      <c r="O214" s="182">
        <v>5.4505765294657595E-2</v>
      </c>
      <c r="P214" s="188">
        <v>0.1584705581551113</v>
      </c>
      <c r="Q214" s="92">
        <v>1.2939411798158197E-2</v>
      </c>
      <c r="R214" s="188">
        <v>0.13879660080763698</v>
      </c>
      <c r="S214" s="92">
        <v>1.2253649984384959E-2</v>
      </c>
      <c r="T214" s="188">
        <v>0.6838845846508419</v>
      </c>
      <c r="U214" s="92">
        <v>1.6459999084289269E-2</v>
      </c>
      <c r="V214" s="188">
        <v>1.8848256386405745E-2</v>
      </c>
      <c r="W214" s="92">
        <v>4.888057585552625E-3</v>
      </c>
      <c r="X214" s="44">
        <v>3188</v>
      </c>
      <c r="Y214" s="181">
        <v>5.058805627772843</v>
      </c>
      <c r="Z214" s="182">
        <v>6.2482299940443964E-2</v>
      </c>
      <c r="AA214" s="188">
        <v>0.23293664589215315</v>
      </c>
      <c r="AB214" s="92">
        <v>1.49709747107407E-2</v>
      </c>
      <c r="AC214" s="188">
        <v>9.7564702973629611E-2</v>
      </c>
      <c r="AD214" s="92">
        <v>1.0528126641061413E-2</v>
      </c>
      <c r="AE214" s="188">
        <v>0.65016698203622569</v>
      </c>
      <c r="AF214" s="92">
        <v>1.6884776799961997E-2</v>
      </c>
      <c r="AG214" s="188">
        <v>1.9331669097987534E-2</v>
      </c>
      <c r="AH214" s="92">
        <v>4.9479300747393117E-3</v>
      </c>
    </row>
    <row r="215" spans="1:34">
      <c r="A215" s="40" t="s">
        <v>535</v>
      </c>
      <c r="B215" s="48">
        <v>2517</v>
      </c>
      <c r="C215" s="179">
        <v>5.7437681254314219</v>
      </c>
      <c r="D215" s="80">
        <v>5.5437213794119408E-2</v>
      </c>
      <c r="E215" s="186">
        <v>7.9582849355371355E-2</v>
      </c>
      <c r="F215" s="89">
        <v>1.0821831758018792E-2</v>
      </c>
      <c r="G215" s="186">
        <v>8.3250833269444435E-2</v>
      </c>
      <c r="H215" s="89">
        <v>1.1043948895151246E-2</v>
      </c>
      <c r="I215" s="186">
        <v>0.83160361306237585</v>
      </c>
      <c r="J215" s="89">
        <v>1.4924786222927899E-2</v>
      </c>
      <c r="K215" s="186">
        <v>5.5627043128111866E-3</v>
      </c>
      <c r="L215" s="89">
        <v>3.1633880824078779E-3</v>
      </c>
      <c r="M215" s="48">
        <v>2505</v>
      </c>
      <c r="N215" s="179">
        <v>5.4826638056066832</v>
      </c>
      <c r="O215" s="80">
        <v>5.9949997268533416E-2</v>
      </c>
      <c r="P215" s="186">
        <v>0.12030944935494615</v>
      </c>
      <c r="Q215" s="89">
        <v>1.3017717468532471E-2</v>
      </c>
      <c r="R215" s="186">
        <v>9.5216410367552407E-2</v>
      </c>
      <c r="S215" s="89">
        <v>1.1754921803480216E-2</v>
      </c>
      <c r="T215" s="186">
        <v>0.78118143095448933</v>
      </c>
      <c r="U215" s="89">
        <v>1.6520282157926815E-2</v>
      </c>
      <c r="V215" s="186">
        <v>3.2927093230152101E-3</v>
      </c>
      <c r="W215" s="89">
        <v>2.546625817122776E-3</v>
      </c>
      <c r="X215" s="48">
        <v>2502</v>
      </c>
      <c r="Y215" s="179">
        <v>5.5940091822901961</v>
      </c>
      <c r="Z215" s="80">
        <v>6.7301720736146473E-2</v>
      </c>
      <c r="AA215" s="186">
        <v>0.15736651971419083</v>
      </c>
      <c r="AB215" s="89">
        <v>1.4568919912501014E-2</v>
      </c>
      <c r="AC215" s="186">
        <v>6.8496417534788578E-2</v>
      </c>
      <c r="AD215" s="89">
        <v>1.0138591296706871E-2</v>
      </c>
      <c r="AE215" s="186">
        <v>0.76938829026251776</v>
      </c>
      <c r="AF215" s="89">
        <v>1.6839765593626092E-2</v>
      </c>
      <c r="AG215" s="186">
        <v>4.7487724885046326E-3</v>
      </c>
      <c r="AH215" s="89">
        <v>2.9652398695651492E-3</v>
      </c>
    </row>
    <row r="216" spans="1:34">
      <c r="A216" s="44" t="s">
        <v>536</v>
      </c>
      <c r="B216" s="44">
        <v>368</v>
      </c>
      <c r="C216" s="181">
        <v>5.621594849579111</v>
      </c>
      <c r="D216" s="182">
        <v>0.14325504878497247</v>
      </c>
      <c r="E216" s="188">
        <v>7.9274142975799003E-2</v>
      </c>
      <c r="F216" s="92">
        <v>2.8732350211411375E-2</v>
      </c>
      <c r="G216" s="188">
        <v>9.4914661005745582E-2</v>
      </c>
      <c r="H216" s="92">
        <v>3.1007422208994134E-2</v>
      </c>
      <c r="I216" s="188">
        <v>0.82581119601845598</v>
      </c>
      <c r="J216" s="92">
        <v>3.9637829484613807E-2</v>
      </c>
      <c r="K216" s="188">
        <v>0</v>
      </c>
      <c r="L216" s="92">
        <v>7.5828322015371605E-3</v>
      </c>
      <c r="M216" s="44">
        <v>363</v>
      </c>
      <c r="N216" s="181">
        <v>5.3372829046586929</v>
      </c>
      <c r="O216" s="182">
        <v>0.15525447897832251</v>
      </c>
      <c r="P216" s="188">
        <v>0.12880824716732767</v>
      </c>
      <c r="Q216" s="92">
        <v>3.5434825787112857E-2</v>
      </c>
      <c r="R216" s="188">
        <v>9.7510870265644242E-2</v>
      </c>
      <c r="S216" s="92">
        <v>3.1582172920208394E-2</v>
      </c>
      <c r="T216" s="188">
        <v>0.77109733065168895</v>
      </c>
      <c r="U216" s="92">
        <v>4.4058364894685405E-2</v>
      </c>
      <c r="V216" s="188">
        <v>2.583551915339365E-3</v>
      </c>
      <c r="W216" s="92">
        <v>9.3031914559687286E-3</v>
      </c>
      <c r="X216" s="44">
        <v>365</v>
      </c>
      <c r="Y216" s="181">
        <v>5.600210826242189</v>
      </c>
      <c r="Z216" s="182">
        <v>0.16122713305131717</v>
      </c>
      <c r="AA216" s="188">
        <v>0.1466994430354859</v>
      </c>
      <c r="AB216" s="92">
        <v>3.7230724474885929E-2</v>
      </c>
      <c r="AC216" s="188">
        <v>8.9923991640103312E-2</v>
      </c>
      <c r="AD216" s="92">
        <v>3.0437407947437461E-2</v>
      </c>
      <c r="AE216" s="188">
        <v>0.76337656532441089</v>
      </c>
      <c r="AF216" s="92">
        <v>4.4433017082698166E-2</v>
      </c>
      <c r="AG216" s="188">
        <v>0</v>
      </c>
      <c r="AH216" s="92">
        <v>7.6443132683210813E-3</v>
      </c>
    </row>
    <row r="217" spans="1:34">
      <c r="A217" s="40" t="s">
        <v>537</v>
      </c>
      <c r="B217" s="48">
        <v>86</v>
      </c>
      <c r="C217" s="179">
        <v>5.5927622422972796</v>
      </c>
      <c r="D217" s="80">
        <v>0.30958262193274849</v>
      </c>
      <c r="E217" s="186">
        <v>9.6148534935152505E-2</v>
      </c>
      <c r="F217" s="89">
        <v>6.7025451867537167E-2</v>
      </c>
      <c r="G217" s="186">
        <v>0.17070522139677205</v>
      </c>
      <c r="H217" s="89">
        <v>8.1918503488401878E-2</v>
      </c>
      <c r="I217" s="186">
        <v>0.73314624366807635</v>
      </c>
      <c r="J217" s="89">
        <v>9.4367415610275035E-2</v>
      </c>
      <c r="K217" s="186">
        <v>0</v>
      </c>
      <c r="L217" s="89">
        <v>3.1075817723560044E-2</v>
      </c>
      <c r="M217" s="48">
        <v>85</v>
      </c>
      <c r="N217" s="179">
        <v>5.3223031404434007</v>
      </c>
      <c r="O217" s="80">
        <v>0.30983682128611312</v>
      </c>
      <c r="P217" s="186">
        <v>0.17254433490419011</v>
      </c>
      <c r="Q217" s="89">
        <v>8.2705541095472193E-2</v>
      </c>
      <c r="R217" s="186">
        <v>0.10875452735808601</v>
      </c>
      <c r="S217" s="89">
        <v>7.0432740511623265E-2</v>
      </c>
      <c r="T217" s="186">
        <v>0.71870113773772493</v>
      </c>
      <c r="U217" s="89">
        <v>9.6307685907764701E-2</v>
      </c>
      <c r="V217" s="186">
        <v>0</v>
      </c>
      <c r="W217" s="89">
        <v>3.1420971575578778E-2</v>
      </c>
      <c r="X217" s="48">
        <v>85</v>
      </c>
      <c r="Y217" s="179">
        <v>5.815103605682201</v>
      </c>
      <c r="Z217" s="80">
        <v>0.29430933361408113</v>
      </c>
      <c r="AA217" s="186">
        <v>8.0633041676525394E-2</v>
      </c>
      <c r="AB217" s="89">
        <v>6.3452902651431012E-2</v>
      </c>
      <c r="AC217" s="186">
        <v>0.15445703641354133</v>
      </c>
      <c r="AD217" s="89">
        <v>7.9631583598286163E-2</v>
      </c>
      <c r="AE217" s="186">
        <v>0.76490992190993412</v>
      </c>
      <c r="AF217" s="89">
        <v>9.1427885952098942E-2</v>
      </c>
      <c r="AG217" s="186">
        <v>0</v>
      </c>
      <c r="AH217" s="89">
        <v>3.1420971575578778E-2</v>
      </c>
    </row>
    <row r="218" spans="1:34">
      <c r="A218" s="44" t="s">
        <v>538</v>
      </c>
      <c r="B218" s="44">
        <v>65</v>
      </c>
      <c r="C218" s="181">
        <v>5.6209329783894733</v>
      </c>
      <c r="D218" s="182">
        <v>0.342440371866437</v>
      </c>
      <c r="E218" s="188">
        <v>8.73809373261831E-2</v>
      </c>
      <c r="F218" s="92">
        <v>7.5723752877296949E-2</v>
      </c>
      <c r="G218" s="188">
        <v>5.073205131246325E-2</v>
      </c>
      <c r="H218" s="92">
        <v>6.4102240962964588E-2</v>
      </c>
      <c r="I218" s="188">
        <v>0.86188701136135348</v>
      </c>
      <c r="J218" s="92">
        <v>8.8065094038949146E-2</v>
      </c>
      <c r="K218" s="188">
        <v>0</v>
      </c>
      <c r="L218" s="92">
        <v>4.0393246397800862E-2</v>
      </c>
      <c r="M218" s="44">
        <v>62</v>
      </c>
      <c r="N218" s="181">
        <v>5.2015445480978908</v>
      </c>
      <c r="O218" s="182">
        <v>0.39691425043089323</v>
      </c>
      <c r="P218" s="188">
        <v>0.14913671495824443</v>
      </c>
      <c r="Q218" s="92">
        <v>9.2561069880538346E-2</v>
      </c>
      <c r="R218" s="188">
        <v>9.9670473477682722E-2</v>
      </c>
      <c r="S218" s="92">
        <v>8.1118511506817773E-2</v>
      </c>
      <c r="T218" s="188">
        <v>0.75119281156407236</v>
      </c>
      <c r="U218" s="92">
        <v>0.10852136468120255</v>
      </c>
      <c r="V218" s="188">
        <v>0</v>
      </c>
      <c r="W218" s="92">
        <v>4.2200643868047963E-2</v>
      </c>
      <c r="X218" s="44">
        <v>64</v>
      </c>
      <c r="Y218" s="181">
        <v>5.5216646872287045</v>
      </c>
      <c r="Z218" s="182">
        <v>0.42489587163928894</v>
      </c>
      <c r="AA218" s="188">
        <v>0.17414850162178314</v>
      </c>
      <c r="AB218" s="92">
        <v>9.5777029483022968E-2</v>
      </c>
      <c r="AC218" s="188">
        <v>5.308450662381161E-2</v>
      </c>
      <c r="AD218" s="92">
        <v>6.5562487685602813E-2</v>
      </c>
      <c r="AE218" s="188">
        <v>0.77276699175440489</v>
      </c>
      <c r="AF218" s="92">
        <v>0.10406272969754513</v>
      </c>
      <c r="AG218" s="188">
        <v>0</v>
      </c>
      <c r="AH218" s="92">
        <v>4.097826741289623E-2</v>
      </c>
    </row>
    <row r="219" spans="1:34">
      <c r="A219" s="40" t="s">
        <v>539</v>
      </c>
      <c r="B219" s="48">
        <v>64</v>
      </c>
      <c r="C219" s="179">
        <v>5.4999572693331906</v>
      </c>
      <c r="D219" s="80">
        <v>0.36520405492835256</v>
      </c>
      <c r="E219" s="186">
        <v>0.10279841749069812</v>
      </c>
      <c r="F219" s="89">
        <v>8.0529884578495262E-2</v>
      </c>
      <c r="G219" s="186">
        <v>5.1985537734794522E-2</v>
      </c>
      <c r="H219" s="89">
        <v>6.5170490915768944E-2</v>
      </c>
      <c r="I219" s="186">
        <v>0.84521604477450751</v>
      </c>
      <c r="J219" s="89">
        <v>9.2174387045104916E-2</v>
      </c>
      <c r="K219" s="186">
        <v>0</v>
      </c>
      <c r="L219" s="89">
        <v>4.097826741289623E-2</v>
      </c>
      <c r="M219" s="48">
        <v>62</v>
      </c>
      <c r="N219" s="179">
        <v>5.2466536675912794</v>
      </c>
      <c r="O219" s="80">
        <v>0.39850022479744013</v>
      </c>
      <c r="P219" s="186">
        <v>0.1296905522930886</v>
      </c>
      <c r="Q219" s="89">
        <v>8.8416689893969003E-2</v>
      </c>
      <c r="R219" s="186">
        <v>7.5506627122151115E-2</v>
      </c>
      <c r="S219" s="89">
        <v>7.4258058249267844E-2</v>
      </c>
      <c r="T219" s="186">
        <v>0.79480282058476059</v>
      </c>
      <c r="U219" s="89">
        <v>0.10248620345714134</v>
      </c>
      <c r="V219" s="186">
        <v>0</v>
      </c>
      <c r="W219" s="89">
        <v>4.2200643868047963E-2</v>
      </c>
      <c r="X219" s="48">
        <v>64</v>
      </c>
      <c r="Y219" s="179">
        <v>5.4657979984184895</v>
      </c>
      <c r="Z219" s="80">
        <v>0.41116724935778198</v>
      </c>
      <c r="AA219" s="186">
        <v>0.18585507133403581</v>
      </c>
      <c r="AB219" s="89">
        <v>9.779381843607457E-2</v>
      </c>
      <c r="AC219" s="186">
        <v>5.1384279402850466E-2</v>
      </c>
      <c r="AD219" s="89">
        <v>6.4954613817905127E-2</v>
      </c>
      <c r="AE219" s="186">
        <v>0.76276064926311404</v>
      </c>
      <c r="AF219" s="89">
        <v>0.10539579802428749</v>
      </c>
      <c r="AG219" s="186">
        <v>0</v>
      </c>
      <c r="AH219" s="89">
        <v>4.097826741289623E-2</v>
      </c>
    </row>
    <row r="220" spans="1:34">
      <c r="A220" s="44" t="s">
        <v>540</v>
      </c>
      <c r="B220" s="44">
        <v>76</v>
      </c>
      <c r="C220" s="181">
        <v>5.7405316987062918</v>
      </c>
      <c r="D220" s="182">
        <v>0.29316934054319815</v>
      </c>
      <c r="E220" s="188">
        <v>4.0422171003565793E-2</v>
      </c>
      <c r="F220" s="92">
        <v>5.4489158432283184E-2</v>
      </c>
      <c r="G220" s="188">
        <v>0.11144702524286836</v>
      </c>
      <c r="H220" s="92">
        <v>7.5414353305973486E-2</v>
      </c>
      <c r="I220" s="188">
        <v>0.84813080375356564</v>
      </c>
      <c r="J220" s="92">
        <v>8.3851494169394941E-2</v>
      </c>
      <c r="K220" s="188">
        <v>0</v>
      </c>
      <c r="L220" s="92">
        <v>3.4910600109422353E-2</v>
      </c>
      <c r="M220" s="44">
        <v>77</v>
      </c>
      <c r="N220" s="181">
        <v>5.4768960905819766</v>
      </c>
      <c r="O220" s="182">
        <v>0.32050965877267157</v>
      </c>
      <c r="P220" s="188">
        <v>8.0620501105154008E-2</v>
      </c>
      <c r="Q220" s="92">
        <v>6.7059107650349337E-2</v>
      </c>
      <c r="R220" s="188">
        <v>9.8007714398685192E-2</v>
      </c>
      <c r="S220" s="92">
        <v>7.165362421709251E-2</v>
      </c>
      <c r="T220" s="188">
        <v>0.80641159979108867</v>
      </c>
      <c r="U220" s="92">
        <v>9.0309718597084546E-2</v>
      </c>
      <c r="V220" s="188">
        <v>1.4960184705071971E-2</v>
      </c>
      <c r="W220" s="92">
        <v>4.297490778035E-2</v>
      </c>
      <c r="X220" s="44">
        <v>76</v>
      </c>
      <c r="Y220" s="181">
        <v>5.7653711250370048</v>
      </c>
      <c r="Z220" s="182">
        <v>0.28413711852507123</v>
      </c>
      <c r="AA220" s="188">
        <v>0.11585395290231265</v>
      </c>
      <c r="AB220" s="92">
        <v>7.6426341200383024E-2</v>
      </c>
      <c r="AC220" s="188">
        <v>6.9888208933066548E-2</v>
      </c>
      <c r="AD220" s="92">
        <v>6.4436391924376918E-2</v>
      </c>
      <c r="AE220" s="188">
        <v>0.81425783816462061</v>
      </c>
      <c r="AF220" s="92">
        <v>8.9685816901216173E-2</v>
      </c>
      <c r="AG220" s="188">
        <v>0</v>
      </c>
      <c r="AH220" s="92">
        <v>3.4910600109422353E-2</v>
      </c>
    </row>
    <row r="221" spans="1:34">
      <c r="A221" s="40" t="s">
        <v>541</v>
      </c>
      <c r="B221" s="189">
        <v>77</v>
      </c>
      <c r="C221" s="179">
        <v>5.6823746997880242</v>
      </c>
      <c r="D221" s="80">
        <v>0.30171958959239231</v>
      </c>
      <c r="E221" s="186">
        <v>6.1331632011604846E-2</v>
      </c>
      <c r="F221" s="89">
        <v>6.1305234721126554E-2</v>
      </c>
      <c r="G221" s="186">
        <v>8.2199514207347252E-2</v>
      </c>
      <c r="H221" s="89">
        <v>6.7497523101201662E-2</v>
      </c>
      <c r="I221" s="186">
        <v>0.85646885378104909</v>
      </c>
      <c r="J221" s="89">
        <v>8.1701112723525093E-2</v>
      </c>
      <c r="K221" s="186">
        <v>0</v>
      </c>
      <c r="L221" s="89">
        <v>3.4485061975244265E-2</v>
      </c>
      <c r="M221" s="189">
        <v>77</v>
      </c>
      <c r="N221" s="179">
        <v>5.4468923452783562</v>
      </c>
      <c r="O221" s="80">
        <v>0.33316858332558974</v>
      </c>
      <c r="P221" s="186">
        <v>0.10387033060447522</v>
      </c>
      <c r="Q221" s="89">
        <v>7.3096168508220399E-2</v>
      </c>
      <c r="R221" s="186">
        <v>0.10570910649662744</v>
      </c>
      <c r="S221" s="89">
        <v>7.3538488723019463E-2</v>
      </c>
      <c r="T221" s="186">
        <v>0.79042056289889839</v>
      </c>
      <c r="U221" s="89">
        <v>9.2637749948045758E-2</v>
      </c>
      <c r="V221" s="186">
        <v>0</v>
      </c>
      <c r="W221" s="89">
        <v>3.4485061975244265E-2</v>
      </c>
      <c r="X221" s="189">
        <v>76</v>
      </c>
      <c r="Y221" s="179">
        <v>5.4378970512038887</v>
      </c>
      <c r="Z221" s="80">
        <v>0.39627493557049936</v>
      </c>
      <c r="AA221" s="186">
        <v>0.179643890513139</v>
      </c>
      <c r="AB221" s="89">
        <v>8.8706875920298356E-2</v>
      </c>
      <c r="AC221" s="186">
        <v>0.1079418938657435</v>
      </c>
      <c r="AD221" s="89">
        <v>7.459126067325654E-2</v>
      </c>
      <c r="AE221" s="186">
        <v>0.71241421562111851</v>
      </c>
      <c r="AF221" s="89">
        <v>0.10229354363897157</v>
      </c>
      <c r="AG221" s="186">
        <v>0</v>
      </c>
      <c r="AH221" s="89">
        <v>3.4910600109422353E-2</v>
      </c>
    </row>
    <row r="222" spans="1:34">
      <c r="A222" s="44" t="s">
        <v>542</v>
      </c>
      <c r="B222" s="190">
        <v>608</v>
      </c>
      <c r="C222" s="181">
        <v>5.7432887253830023</v>
      </c>
      <c r="D222" s="182">
        <v>0.11429964002845205</v>
      </c>
      <c r="E222" s="188">
        <v>7.7490993928737956E-2</v>
      </c>
      <c r="F222" s="92">
        <v>2.1964324674585176E-2</v>
      </c>
      <c r="G222" s="188">
        <v>8.6309650281136324E-2</v>
      </c>
      <c r="H222" s="92">
        <v>2.3021743633874877E-2</v>
      </c>
      <c r="I222" s="188">
        <v>0.83403583294004935</v>
      </c>
      <c r="J222" s="92">
        <v>3.0235876306233277E-2</v>
      </c>
      <c r="K222" s="188">
        <v>2.163522850074334E-3</v>
      </c>
      <c r="L222" s="92">
        <v>5.9342851669117458E-3</v>
      </c>
      <c r="M222" s="190">
        <v>607</v>
      </c>
      <c r="N222" s="181">
        <v>5.5532655049153146</v>
      </c>
      <c r="O222" s="182">
        <v>0.11990337147738241</v>
      </c>
      <c r="P222" s="188">
        <v>0.12543915308640655</v>
      </c>
      <c r="Q222" s="92">
        <v>2.702185488781823E-2</v>
      </c>
      <c r="R222" s="188">
        <v>7.294506732790601E-2</v>
      </c>
      <c r="S222" s="92">
        <v>2.1407765665918285E-2</v>
      </c>
      <c r="T222" s="188">
        <v>0.79672316570561885</v>
      </c>
      <c r="U222" s="92">
        <v>3.2677002168856661E-2</v>
      </c>
      <c r="V222" s="188">
        <v>4.8926138800653007E-3</v>
      </c>
      <c r="W222" s="92">
        <v>7.2675075223586783E-3</v>
      </c>
      <c r="X222" s="190">
        <v>603</v>
      </c>
      <c r="Y222" s="181">
        <v>5.5972538311555242</v>
      </c>
      <c r="Z222" s="182">
        <v>0.13558044467045241</v>
      </c>
      <c r="AA222" s="188">
        <v>0.15493923378106822</v>
      </c>
      <c r="AB222" s="92">
        <v>2.9548736528738503E-2</v>
      </c>
      <c r="AC222" s="188">
        <v>8.1846763453962523E-2</v>
      </c>
      <c r="AD222" s="92">
        <v>2.2590802159701787E-2</v>
      </c>
      <c r="AE222" s="188">
        <v>0.75855550184962217</v>
      </c>
      <c r="AF222" s="92">
        <v>3.4823841583661135E-2</v>
      </c>
      <c r="AG222" s="188">
        <v>4.6585009153432781E-3</v>
      </c>
      <c r="AH222" s="92">
        <v>7.1968903256527045E-3</v>
      </c>
    </row>
    <row r="223" spans="1:34">
      <c r="A223" s="40" t="s">
        <v>543</v>
      </c>
      <c r="B223" s="78">
        <v>59</v>
      </c>
      <c r="C223" s="179">
        <v>5.955042469553403</v>
      </c>
      <c r="D223" s="80">
        <v>0.41299137976605216</v>
      </c>
      <c r="E223" s="186">
        <v>9.6328912832080865E-2</v>
      </c>
      <c r="F223" s="89">
        <v>8.2456287058833747E-2</v>
      </c>
      <c r="G223" s="186">
        <v>0</v>
      </c>
      <c r="H223" s="89">
        <v>4.4177291598495712E-2</v>
      </c>
      <c r="I223" s="186">
        <v>0.90367108716791933</v>
      </c>
      <c r="J223" s="89">
        <v>8.2456287058833691E-2</v>
      </c>
      <c r="K223" s="186">
        <v>0</v>
      </c>
      <c r="L223" s="89">
        <v>4.4177291598495712E-2</v>
      </c>
      <c r="M223" s="78">
        <v>58</v>
      </c>
      <c r="N223" s="179">
        <v>5.8298438440601519</v>
      </c>
      <c r="O223" s="80">
        <v>0.40127087052748828</v>
      </c>
      <c r="P223" s="186">
        <v>9.9415497983820753E-2</v>
      </c>
      <c r="Q223" s="89">
        <v>8.4077413303170492E-2</v>
      </c>
      <c r="R223" s="186">
        <v>0</v>
      </c>
      <c r="S223" s="89">
        <v>4.4877957654209835E-2</v>
      </c>
      <c r="T223" s="186">
        <v>0.90058450201617934</v>
      </c>
      <c r="U223" s="89">
        <v>8.4077413303170451E-2</v>
      </c>
      <c r="V223" s="186">
        <v>0</v>
      </c>
      <c r="W223" s="89">
        <v>4.4877957654209835E-2</v>
      </c>
      <c r="X223" s="78">
        <v>59</v>
      </c>
      <c r="Y223" s="179">
        <v>6.0257358188327075</v>
      </c>
      <c r="Z223" s="80">
        <v>0.4393338671191741</v>
      </c>
      <c r="AA223" s="186">
        <v>0.12797246609079027</v>
      </c>
      <c r="AB223" s="89">
        <v>9.0365306182420183E-2</v>
      </c>
      <c r="AC223" s="186">
        <v>2.0042320799761884E-2</v>
      </c>
      <c r="AD223" s="89">
        <v>5.5184524942791309E-2</v>
      </c>
      <c r="AE223" s="186">
        <v>0.85198521310944786</v>
      </c>
      <c r="AF223" s="89">
        <v>9.4730858212571586E-2</v>
      </c>
      <c r="AG223" s="186">
        <v>0</v>
      </c>
      <c r="AH223" s="89">
        <v>4.4177291598495712E-2</v>
      </c>
    </row>
    <row r="224" spans="1:34">
      <c r="A224" s="44" t="s">
        <v>550</v>
      </c>
      <c r="B224" s="190">
        <v>109</v>
      </c>
      <c r="C224" s="181">
        <v>5.4385335192057127</v>
      </c>
      <c r="D224" s="182">
        <v>0.2871022368235952</v>
      </c>
      <c r="E224" s="188">
        <v>0.11643947876465299</v>
      </c>
      <c r="F224" s="92">
        <v>6.3277017890085482E-2</v>
      </c>
      <c r="G224" s="188">
        <v>0.10206708550337268</v>
      </c>
      <c r="H224" s="92">
        <v>6.0283001910196594E-2</v>
      </c>
      <c r="I224" s="188">
        <v>0.78149343573197483</v>
      </c>
      <c r="J224" s="92">
        <v>7.8991870566462855E-2</v>
      </c>
      <c r="K224" s="188">
        <v>0</v>
      </c>
      <c r="L224" s="92">
        <v>2.4807832313658393E-2</v>
      </c>
      <c r="M224" s="190">
        <v>108</v>
      </c>
      <c r="N224" s="181">
        <v>5.2186400850933383</v>
      </c>
      <c r="O224" s="182">
        <v>0.31825906171963586</v>
      </c>
      <c r="P224" s="188">
        <v>0.19119957804799895</v>
      </c>
      <c r="Q224" s="92">
        <v>7.5906882336782847E-2</v>
      </c>
      <c r="R224" s="188">
        <v>8.9130962358490107E-2</v>
      </c>
      <c r="S224" s="92">
        <v>5.7640947844187038E-2</v>
      </c>
      <c r="T224" s="188">
        <v>0.7118564010784566</v>
      </c>
      <c r="U224" s="92">
        <v>8.6244162249041315E-2</v>
      </c>
      <c r="V224" s="188">
        <v>7.8130585150546668E-3</v>
      </c>
      <c r="W224" s="92">
        <v>2.9728805403866541E-2</v>
      </c>
      <c r="X224" s="190">
        <v>107</v>
      </c>
      <c r="Y224" s="181">
        <v>5.1583168058895241</v>
      </c>
      <c r="Z224" s="182">
        <v>0.37226856586492263</v>
      </c>
      <c r="AA224" s="188">
        <v>0.25168705061339797</v>
      </c>
      <c r="AB224" s="92">
        <v>8.3332509612025263E-2</v>
      </c>
      <c r="AC224" s="188">
        <v>8.4760664167878655E-2</v>
      </c>
      <c r="AD224" s="92">
        <v>5.687961652299825E-2</v>
      </c>
      <c r="AE224" s="188">
        <v>0.65567770212517729</v>
      </c>
      <c r="AF224" s="92">
        <v>9.0539859713480123E-2</v>
      </c>
      <c r="AG224" s="188">
        <v>7.8745830935462047E-3</v>
      </c>
      <c r="AH224" s="92">
        <v>2.9986795927260244E-2</v>
      </c>
    </row>
    <row r="225" spans="1:34">
      <c r="A225" s="52" t="s">
        <v>544</v>
      </c>
      <c r="B225" s="189">
        <v>121</v>
      </c>
      <c r="C225" s="179">
        <v>5.5211611687357003</v>
      </c>
      <c r="D225" s="80">
        <v>0.26735753955289865</v>
      </c>
      <c r="E225" s="186">
        <v>9.08540994666307E-2</v>
      </c>
      <c r="F225" s="89">
        <v>5.4594311102040251E-2</v>
      </c>
      <c r="G225" s="186">
        <v>0.122421831525033</v>
      </c>
      <c r="H225" s="89">
        <v>6.1034525925706379E-2</v>
      </c>
      <c r="I225" s="186">
        <v>0.78509167184163875</v>
      </c>
      <c r="J225" s="89">
        <v>7.4584986254883204E-2</v>
      </c>
      <c r="K225" s="186">
        <v>1.6323971666984273E-3</v>
      </c>
      <c r="L225" s="89">
        <v>2.3509043989516823E-2</v>
      </c>
      <c r="M225" s="189">
        <v>121</v>
      </c>
      <c r="N225" s="179">
        <v>5.3738135485849634</v>
      </c>
      <c r="O225" s="80">
        <v>0.27152985411148095</v>
      </c>
      <c r="P225" s="186">
        <v>0.12775086834274543</v>
      </c>
      <c r="Q225" s="89">
        <v>6.2008291451687403E-2</v>
      </c>
      <c r="R225" s="186">
        <v>7.9219919443171638E-2</v>
      </c>
      <c r="S225" s="89">
        <v>5.1875048234231551E-2</v>
      </c>
      <c r="T225" s="186">
        <v>0.79139681504738524</v>
      </c>
      <c r="U225" s="89">
        <v>7.3850729627895906E-2</v>
      </c>
      <c r="V225" s="186">
        <v>1.6323971666984273E-3</v>
      </c>
      <c r="W225" s="89">
        <v>2.3509043989516823E-2</v>
      </c>
      <c r="X225" s="189">
        <v>120</v>
      </c>
      <c r="Y225" s="179">
        <v>5.4058641786870654</v>
      </c>
      <c r="Z225" s="80">
        <v>0.28674991142142237</v>
      </c>
      <c r="AA225" s="186">
        <v>0.18302683340282994</v>
      </c>
      <c r="AB225" s="89">
        <v>7.0916926867412231E-2</v>
      </c>
      <c r="AC225" s="186">
        <v>9.2619224389357366E-2</v>
      </c>
      <c r="AD225" s="89">
        <v>5.5234178282639101E-2</v>
      </c>
      <c r="AE225" s="186">
        <v>0.72319160169659813</v>
      </c>
      <c r="AF225" s="89">
        <v>8.0991339833062587E-2</v>
      </c>
      <c r="AG225" s="186">
        <v>1.1623405112154758E-3</v>
      </c>
      <c r="AH225" s="89">
        <v>2.3387466736588151E-2</v>
      </c>
    </row>
    <row r="226" spans="1:34">
      <c r="A226" s="44" t="s">
        <v>545</v>
      </c>
      <c r="B226" s="190">
        <v>153</v>
      </c>
      <c r="C226" s="181">
        <v>5.9711459231686925</v>
      </c>
      <c r="D226" s="182">
        <v>0.19405762565204671</v>
      </c>
      <c r="E226" s="188">
        <v>2.7795398334878395E-2</v>
      </c>
      <c r="F226" s="92">
        <v>3.1213247013102095E-2</v>
      </c>
      <c r="G226" s="188">
        <v>9.7056095405468792E-2</v>
      </c>
      <c r="H226" s="92">
        <v>4.9405157513589003E-2</v>
      </c>
      <c r="I226" s="188">
        <v>0.87479449025409206</v>
      </c>
      <c r="J226" s="92">
        <v>5.4503120199473967E-2</v>
      </c>
      <c r="K226" s="188">
        <v>3.5401600556095021E-4</v>
      </c>
      <c r="L226" s="92">
        <v>1.8137944786312577E-2</v>
      </c>
      <c r="M226" s="190">
        <v>154</v>
      </c>
      <c r="N226" s="181">
        <v>5.6100278563881565</v>
      </c>
      <c r="O226" s="182">
        <v>0.21604564197215301</v>
      </c>
      <c r="P226" s="188">
        <v>9.3645571947085948E-2</v>
      </c>
      <c r="Q226" s="92">
        <v>4.8556622816832984E-2</v>
      </c>
      <c r="R226" s="188">
        <v>9.451414918011071E-2</v>
      </c>
      <c r="S226" s="92">
        <v>4.8730944681839944E-2</v>
      </c>
      <c r="T226" s="188">
        <v>0.81148814553085591</v>
      </c>
      <c r="U226" s="92">
        <v>6.3210638648686257E-2</v>
      </c>
      <c r="V226" s="188">
        <v>3.521333419474599E-4</v>
      </c>
      <c r="W226" s="92">
        <v>1.8024181234822804E-2</v>
      </c>
      <c r="X226" s="190">
        <v>151</v>
      </c>
      <c r="Y226" s="181">
        <v>5.7642913166238996</v>
      </c>
      <c r="Z226" s="182">
        <v>0.24694076650598873</v>
      </c>
      <c r="AA226" s="188">
        <v>0.10161678888111746</v>
      </c>
      <c r="AB226" s="92">
        <v>5.0641450005952264E-2</v>
      </c>
      <c r="AC226" s="188">
        <v>8.7766240074107216E-2</v>
      </c>
      <c r="AD226" s="92">
        <v>4.784951653103494E-2</v>
      </c>
      <c r="AE226" s="188">
        <v>0.81025894203933191</v>
      </c>
      <c r="AF226" s="92">
        <v>6.3984589178439771E-2</v>
      </c>
      <c r="AG226" s="188">
        <v>3.5802900544327311E-4</v>
      </c>
      <c r="AH226" s="92">
        <v>1.8369961063934341E-2</v>
      </c>
    </row>
    <row r="227" spans="1:34">
      <c r="A227" s="52" t="s">
        <v>546</v>
      </c>
      <c r="B227" s="189">
        <v>71</v>
      </c>
      <c r="C227" s="179">
        <v>6.0168232464173581</v>
      </c>
      <c r="D227" s="80">
        <v>0.30312372271330568</v>
      </c>
      <c r="E227" s="186">
        <v>4.8120790864905734E-2</v>
      </c>
      <c r="F227" s="89">
        <v>5.9779657763544033E-2</v>
      </c>
      <c r="G227" s="186">
        <v>7.8714417123451674E-2</v>
      </c>
      <c r="H227" s="89">
        <v>6.9644807718209717E-2</v>
      </c>
      <c r="I227" s="186">
        <v>0.87316479201164254</v>
      </c>
      <c r="J227" s="89">
        <v>8.1716742028791173E-2</v>
      </c>
      <c r="K227" s="186">
        <v>0</v>
      </c>
      <c r="L227" s="89">
        <v>3.7206132509255738E-2</v>
      </c>
      <c r="M227" s="189">
        <v>72</v>
      </c>
      <c r="N227" s="179">
        <v>6.1610272987329111</v>
      </c>
      <c r="O227" s="80">
        <v>0.27923243335070036</v>
      </c>
      <c r="P227" s="186">
        <v>3.5174190021775985E-2</v>
      </c>
      <c r="Q227" s="89">
        <v>5.4329371257242125E-2</v>
      </c>
      <c r="R227" s="186">
        <v>4.7822105464129419E-2</v>
      </c>
      <c r="S227" s="89">
        <v>5.9156964568853089E-2</v>
      </c>
      <c r="T227" s="186">
        <v>0.89571973919539705</v>
      </c>
      <c r="U227" s="89">
        <v>7.5900107497055697E-2</v>
      </c>
      <c r="V227" s="186">
        <v>2.1283965318697536E-2</v>
      </c>
      <c r="W227" s="89">
        <v>4.8296887709760622E-2</v>
      </c>
      <c r="X227" s="189">
        <v>72</v>
      </c>
      <c r="Y227" s="179">
        <v>6.0145806727579085</v>
      </c>
      <c r="Z227" s="80">
        <v>0.32122331140581584</v>
      </c>
      <c r="AA227" s="186">
        <v>9.0094323721993844E-2</v>
      </c>
      <c r="AB227" s="89">
        <v>7.2256304028864973E-2</v>
      </c>
      <c r="AC227" s="186">
        <v>6.1416617787677243E-2</v>
      </c>
      <c r="AD227" s="89">
        <v>6.3808806321521042E-2</v>
      </c>
      <c r="AE227" s="186">
        <v>0.82720509317163138</v>
      </c>
      <c r="AF227" s="89">
        <v>9.0002941706329859E-2</v>
      </c>
      <c r="AG227" s="186">
        <v>2.1283965318697536E-2</v>
      </c>
      <c r="AH227" s="89">
        <v>4.8296887709760622E-2</v>
      </c>
    </row>
    <row r="228" spans="1:34">
      <c r="A228" s="44" t="s">
        <v>547</v>
      </c>
      <c r="B228" s="190">
        <v>95</v>
      </c>
      <c r="C228" s="181">
        <v>5.7218205372870399</v>
      </c>
      <c r="D228" s="182">
        <v>0.3024231632402663</v>
      </c>
      <c r="E228" s="188">
        <v>0.11286325542552396</v>
      </c>
      <c r="F228" s="92">
        <v>6.7267466144232929E-2</v>
      </c>
      <c r="G228" s="188">
        <v>4.1701946696189124E-2</v>
      </c>
      <c r="H228" s="92">
        <v>4.7818134850545251E-2</v>
      </c>
      <c r="I228" s="188">
        <v>0.83043001092372237</v>
      </c>
      <c r="J228" s="92">
        <v>7.7709824229222194E-2</v>
      </c>
      <c r="K228" s="188">
        <v>1.5004786954563332E-2</v>
      </c>
      <c r="L228" s="92">
        <v>3.6737317531688546E-2</v>
      </c>
      <c r="M228" s="190">
        <v>94</v>
      </c>
      <c r="N228" s="181">
        <v>5.4731486009975994</v>
      </c>
      <c r="O228" s="182">
        <v>0.32204500331478286</v>
      </c>
      <c r="P228" s="188">
        <v>0.19813765588271132</v>
      </c>
      <c r="Q228" s="92">
        <v>8.2354574136682637E-2</v>
      </c>
      <c r="R228" s="188">
        <v>6.5813719094398801E-2</v>
      </c>
      <c r="S228" s="92">
        <v>5.5899841293808178E-2</v>
      </c>
      <c r="T228" s="188">
        <v>0.73465559406779035</v>
      </c>
      <c r="U228" s="92">
        <v>9.0201583162207499E-2</v>
      </c>
      <c r="V228" s="188">
        <v>1.3930309550980538E-3</v>
      </c>
      <c r="W228" s="92">
        <v>2.9465662945529124E-2</v>
      </c>
      <c r="X228" s="190">
        <v>94</v>
      </c>
      <c r="Y228" s="181">
        <v>5.5536092454808426</v>
      </c>
      <c r="Z228" s="182">
        <v>0.37211679397244751</v>
      </c>
      <c r="AA228" s="188">
        <v>0.14593618702023431</v>
      </c>
      <c r="AB228" s="92">
        <v>7.4138187044071241E-2</v>
      </c>
      <c r="AC228" s="188">
        <v>0.11421981478556152</v>
      </c>
      <c r="AD228" s="92">
        <v>6.7935983668911945E-2</v>
      </c>
      <c r="AE228" s="188">
        <v>0.73984399819420266</v>
      </c>
      <c r="AF228" s="92">
        <v>8.968765557941924E-2</v>
      </c>
      <c r="AG228" s="188">
        <v>0</v>
      </c>
      <c r="AH228" s="92">
        <v>2.8565478049949598E-2</v>
      </c>
    </row>
    <row r="229" spans="1:34">
      <c r="A229" s="52" t="s">
        <v>551</v>
      </c>
      <c r="B229" s="189">
        <v>762</v>
      </c>
      <c r="C229" s="179">
        <v>5.2227342538214856</v>
      </c>
      <c r="D229" s="80">
        <v>0.10784442660490332</v>
      </c>
      <c r="E229" s="186">
        <v>0.12813563706235903</v>
      </c>
      <c r="F229" s="89">
        <v>2.4308433113352314E-2</v>
      </c>
      <c r="G229" s="186">
        <v>0.15466079339325742</v>
      </c>
      <c r="H229" s="89">
        <v>2.6252748895724203E-2</v>
      </c>
      <c r="I229" s="186">
        <v>0.69933360412133527</v>
      </c>
      <c r="J229" s="89">
        <v>3.316861000648353E-2</v>
      </c>
      <c r="K229" s="186">
        <v>1.7869965423046835E-2</v>
      </c>
      <c r="L229" s="89">
        <v>1.0212356427676301E-2</v>
      </c>
      <c r="M229" s="189">
        <v>756</v>
      </c>
      <c r="N229" s="179">
        <v>5.0105241755721348</v>
      </c>
      <c r="O229" s="80">
        <v>0.11603387767270418</v>
      </c>
      <c r="P229" s="186">
        <v>0.16805743103414086</v>
      </c>
      <c r="Q229" s="89">
        <v>2.7238800684801119E-2</v>
      </c>
      <c r="R229" s="186">
        <v>0.15243695256717482</v>
      </c>
      <c r="S229" s="89">
        <v>2.620447546161242E-2</v>
      </c>
      <c r="T229" s="186">
        <v>0.65527674172412287</v>
      </c>
      <c r="U229" s="89">
        <v>3.449960062190293E-2</v>
      </c>
      <c r="V229" s="186">
        <v>2.4228874674560433E-2</v>
      </c>
      <c r="W229" s="89">
        <v>1.1702065384475773E-2</v>
      </c>
      <c r="X229" s="189">
        <v>758</v>
      </c>
      <c r="Y229" s="179">
        <v>4.8803572808571341</v>
      </c>
      <c r="Z229" s="80">
        <v>0.13960253398211442</v>
      </c>
      <c r="AA229" s="186">
        <v>0.2603114079269645</v>
      </c>
      <c r="AB229" s="89">
        <v>3.1842043870522974E-2</v>
      </c>
      <c r="AC229" s="186">
        <v>0.10426670643900654</v>
      </c>
      <c r="AD229" s="89">
        <v>2.2335427917998401E-2</v>
      </c>
      <c r="AE229" s="186">
        <v>0.61115926873656956</v>
      </c>
      <c r="AF229" s="89">
        <v>3.5329198165317856E-2</v>
      </c>
      <c r="AG229" s="186">
        <v>2.4262616897459396E-2</v>
      </c>
      <c r="AH229" s="89">
        <v>1.1692434765238289E-2</v>
      </c>
    </row>
    <row r="230" spans="1:34">
      <c r="A230" s="44" t="s">
        <v>552</v>
      </c>
      <c r="B230" s="190">
        <v>211</v>
      </c>
      <c r="C230" s="181">
        <v>5.3477153913248641</v>
      </c>
      <c r="D230" s="182">
        <v>0.18720529045333434</v>
      </c>
      <c r="E230" s="188">
        <v>0.10948283139070421</v>
      </c>
      <c r="F230" s="92">
        <v>4.3800416100440998E-2</v>
      </c>
      <c r="G230" s="188">
        <v>0.1291392691667575</v>
      </c>
      <c r="H230" s="92">
        <v>4.6761620750526145E-2</v>
      </c>
      <c r="I230" s="188">
        <v>0.76137789944253842</v>
      </c>
      <c r="J230" s="92">
        <v>5.8540389819227386E-2</v>
      </c>
      <c r="K230" s="188">
        <v>0</v>
      </c>
      <c r="L230" s="92">
        <v>1.3094143779016076E-2</v>
      </c>
      <c r="M230" s="190">
        <v>210</v>
      </c>
      <c r="N230" s="181">
        <v>5.1776186887184217</v>
      </c>
      <c r="O230" s="182">
        <v>0.19879405166975106</v>
      </c>
      <c r="P230" s="188">
        <v>0.12778805073606966</v>
      </c>
      <c r="Q230" s="92">
        <v>4.668226103992066E-2</v>
      </c>
      <c r="R230" s="188">
        <v>0.14963722736817581</v>
      </c>
      <c r="S230" s="92">
        <v>4.963266515147944E-2</v>
      </c>
      <c r="T230" s="188">
        <v>0.71459117287704221</v>
      </c>
      <c r="U230" s="92">
        <v>6.2000303260093058E-2</v>
      </c>
      <c r="V230" s="188">
        <v>7.9835490187123524E-3</v>
      </c>
      <c r="W230" s="92">
        <v>1.7765324691555246E-2</v>
      </c>
      <c r="X230" s="190">
        <v>210</v>
      </c>
      <c r="Y230" s="181">
        <v>5.3067333842793758</v>
      </c>
      <c r="Z230" s="182">
        <v>0.2359956396166395</v>
      </c>
      <c r="AA230" s="188">
        <v>0.1906250832030647</v>
      </c>
      <c r="AB230" s="92">
        <v>5.4315067563713168E-2</v>
      </c>
      <c r="AC230" s="188">
        <v>9.1840496615266345E-2</v>
      </c>
      <c r="AD230" s="92">
        <v>4.0918299197680433E-2</v>
      </c>
      <c r="AE230" s="188">
        <v>0.71286003973660994</v>
      </c>
      <c r="AF230" s="92">
        <v>6.2107621803590876E-2</v>
      </c>
      <c r="AG230" s="188">
        <v>4.6743804450589625E-3</v>
      </c>
      <c r="AH230" s="92">
        <v>1.6024910651530718E-2</v>
      </c>
    </row>
    <row r="231" spans="1:34">
      <c r="A231" s="52" t="s">
        <v>553</v>
      </c>
      <c r="B231" s="189">
        <v>274</v>
      </c>
      <c r="C231" s="179">
        <v>5.1536670188692186</v>
      </c>
      <c r="D231" s="80">
        <v>0.17740487215496434</v>
      </c>
      <c r="E231" s="186">
        <v>0.11997387873933942</v>
      </c>
      <c r="F231" s="89">
        <v>3.9730425270239809E-2</v>
      </c>
      <c r="G231" s="186">
        <v>0.17176289770556799</v>
      </c>
      <c r="H231" s="89">
        <v>4.5729659079432237E-2</v>
      </c>
      <c r="I231" s="186">
        <v>0.68756160373380182</v>
      </c>
      <c r="J231" s="89">
        <v>5.5726169822769372E-2</v>
      </c>
      <c r="K231" s="186">
        <v>2.0701619821291529E-2</v>
      </c>
      <c r="L231" s="89">
        <v>1.9650306099637152E-2</v>
      </c>
      <c r="M231" s="189">
        <v>271</v>
      </c>
      <c r="N231" s="179">
        <v>4.9203601537346149</v>
      </c>
      <c r="O231" s="80">
        <v>0.19841772365709706</v>
      </c>
      <c r="P231" s="186">
        <v>0.17473329719501457</v>
      </c>
      <c r="Q231" s="89">
        <v>4.6280875405612418E-2</v>
      </c>
      <c r="R231" s="186">
        <v>0.17751977597751126</v>
      </c>
      <c r="S231" s="89">
        <v>4.6555502514845339E-2</v>
      </c>
      <c r="T231" s="186">
        <v>0.61857621653142825</v>
      </c>
      <c r="U231" s="89">
        <v>5.8632381198403347E-2</v>
      </c>
      <c r="V231" s="186">
        <v>2.9170710296046717E-2</v>
      </c>
      <c r="W231" s="89">
        <v>2.247317856590398E-2</v>
      </c>
      <c r="X231" s="189">
        <v>271</v>
      </c>
      <c r="Y231" s="179">
        <v>4.6585479731225155</v>
      </c>
      <c r="Z231" s="80">
        <v>0.24313725458057744</v>
      </c>
      <c r="AA231" s="186">
        <v>0.29072082538151967</v>
      </c>
      <c r="AB231" s="89">
        <v>5.4933623126095357E-2</v>
      </c>
      <c r="AC231" s="186">
        <v>9.6994763514160406E-2</v>
      </c>
      <c r="AD231" s="89">
        <v>3.6636229618689009E-2</v>
      </c>
      <c r="AE231" s="186">
        <v>0.58388067554019574</v>
      </c>
      <c r="AF231" s="89">
        <v>5.9472496484226048E-2</v>
      </c>
      <c r="AG231" s="186">
        <v>2.8403735564124982E-2</v>
      </c>
      <c r="AH231" s="89">
        <v>2.2244857554759669E-2</v>
      </c>
    </row>
    <row r="232" spans="1:34">
      <c r="A232" s="44" t="s">
        <v>554</v>
      </c>
      <c r="B232" s="190">
        <v>242</v>
      </c>
      <c r="C232" s="181">
        <v>5.2099515847863236</v>
      </c>
      <c r="D232" s="182">
        <v>0.20607765146971851</v>
      </c>
      <c r="E232" s="188">
        <v>0.15949690531439933</v>
      </c>
      <c r="F232" s="92">
        <v>4.7335074629352505E-2</v>
      </c>
      <c r="G232" s="188">
        <v>0.13871430003451704</v>
      </c>
      <c r="H232" s="92">
        <v>4.4845339389161652E-2</v>
      </c>
      <c r="I232" s="188">
        <v>0.67289421452905229</v>
      </c>
      <c r="J232" s="92">
        <v>5.9955511706774413E-2</v>
      </c>
      <c r="K232" s="188">
        <v>2.8894580122031558E-2</v>
      </c>
      <c r="L232" s="92">
        <v>2.3930310470996405E-2</v>
      </c>
      <c r="M232" s="190">
        <v>241</v>
      </c>
      <c r="N232" s="181">
        <v>4.943420174836648</v>
      </c>
      <c r="O232" s="182">
        <v>0.22160246569820938</v>
      </c>
      <c r="P232" s="188">
        <v>0.20850847951466861</v>
      </c>
      <c r="Q232" s="92">
        <v>5.2338690981320123E-2</v>
      </c>
      <c r="R232" s="188">
        <v>0.11898041454098288</v>
      </c>
      <c r="S232" s="92">
        <v>4.2286837126374335E-2</v>
      </c>
      <c r="T232" s="188">
        <v>0.64046508872318086</v>
      </c>
      <c r="U232" s="92">
        <v>6.1399801753749123E-2</v>
      </c>
      <c r="V232" s="188">
        <v>3.2046017221168024E-2</v>
      </c>
      <c r="W232" s="92">
        <v>2.4944378000461575E-2</v>
      </c>
      <c r="X232" s="190">
        <v>242</v>
      </c>
      <c r="Y232" s="181">
        <v>4.7875077218388693</v>
      </c>
      <c r="Z232" s="182">
        <v>0.25571841727784644</v>
      </c>
      <c r="AA232" s="188">
        <v>0.29199263405739945</v>
      </c>
      <c r="AB232" s="92">
        <v>5.8173912965933092E-2</v>
      </c>
      <c r="AC232" s="188">
        <v>9.1099123204921889E-2</v>
      </c>
      <c r="AD232" s="92">
        <v>3.7868678197048394E-2</v>
      </c>
      <c r="AE232" s="188">
        <v>0.58080015982278765</v>
      </c>
      <c r="AF232" s="92">
        <v>6.294686394813391E-2</v>
      </c>
      <c r="AG232" s="188">
        <v>3.6108082914891579E-2</v>
      </c>
      <c r="AH232" s="92">
        <v>2.605361187550332E-2</v>
      </c>
    </row>
  </sheetData>
  <mergeCells count="27">
    <mergeCell ref="A3:D3"/>
    <mergeCell ref="A4:D4"/>
    <mergeCell ref="A5:D5"/>
    <mergeCell ref="I34:O34"/>
    <mergeCell ref="A33:V33"/>
    <mergeCell ref="A32:V32"/>
    <mergeCell ref="A91:V91"/>
    <mergeCell ref="A90:V90"/>
    <mergeCell ref="B34:H34"/>
    <mergeCell ref="A61:D61"/>
    <mergeCell ref="A62:D62"/>
    <mergeCell ref="A63:D63"/>
    <mergeCell ref="X208:AH208"/>
    <mergeCell ref="P92:V92"/>
    <mergeCell ref="A177:D177"/>
    <mergeCell ref="A178:D178"/>
    <mergeCell ref="A179:D179"/>
    <mergeCell ref="B208:L208"/>
    <mergeCell ref="M208:W208"/>
    <mergeCell ref="A207:AH207"/>
    <mergeCell ref="A206:AH206"/>
    <mergeCell ref="B92:H92"/>
    <mergeCell ref="I92:O92"/>
    <mergeCell ref="A149:J149"/>
    <mergeCell ref="A148:J148"/>
    <mergeCell ref="A121:L121"/>
    <mergeCell ref="A120:L120"/>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D435"/>
  <sheetViews>
    <sheetView zoomScaleNormal="100" workbookViewId="0"/>
  </sheetViews>
  <sheetFormatPr defaultColWidth="17.5703125" defaultRowHeight="15"/>
  <cols>
    <col min="1" max="1" width="41.7109375" customWidth="1"/>
  </cols>
  <sheetData>
    <row r="1" spans="1:4" ht="31.5">
      <c r="A1" s="30" t="s">
        <v>47</v>
      </c>
    </row>
    <row r="3" spans="1:4" ht="18.75">
      <c r="A3" s="344" t="s">
        <v>403</v>
      </c>
      <c r="B3" s="344"/>
      <c r="C3" s="344"/>
      <c r="D3" s="344"/>
    </row>
    <row r="4" spans="1:4" ht="150" customHeight="1">
      <c r="A4" s="402" t="s">
        <v>411</v>
      </c>
      <c r="B4" s="402"/>
      <c r="C4" s="402"/>
      <c r="D4" s="402"/>
    </row>
    <row r="5" spans="1:4" ht="37.5" customHeight="1">
      <c r="A5" s="412" t="s">
        <v>404</v>
      </c>
      <c r="B5" s="351"/>
      <c r="C5" s="351"/>
      <c r="D5" s="351"/>
    </row>
    <row r="6" spans="1:4" ht="72">
      <c r="A6" s="32" t="s">
        <v>71</v>
      </c>
      <c r="B6" s="33" t="s">
        <v>72</v>
      </c>
      <c r="C6" s="34" t="s">
        <v>593</v>
      </c>
      <c r="D6" s="35" t="s">
        <v>73</v>
      </c>
    </row>
    <row r="7" spans="1:4" ht="72">
      <c r="A7" s="36"/>
      <c r="B7" s="37" t="s">
        <v>74</v>
      </c>
      <c r="C7" s="123" t="s">
        <v>304</v>
      </c>
      <c r="D7" s="39" t="s">
        <v>76</v>
      </c>
    </row>
    <row r="8" spans="1:4">
      <c r="A8" s="40" t="s">
        <v>350</v>
      </c>
      <c r="B8" s="161">
        <v>11350</v>
      </c>
      <c r="C8" s="162">
        <v>5.0012250453152456</v>
      </c>
      <c r="D8" s="81">
        <v>2.6654095715108173E-2</v>
      </c>
    </row>
    <row r="9" spans="1:4">
      <c r="A9" s="44" t="s">
        <v>351</v>
      </c>
      <c r="B9" s="44">
        <v>8248</v>
      </c>
      <c r="C9" s="164">
        <v>4.6646435909456647</v>
      </c>
      <c r="D9" s="82">
        <v>3.1743325340428702E-2</v>
      </c>
    </row>
    <row r="10" spans="1:4">
      <c r="A10" s="40" t="s">
        <v>352</v>
      </c>
      <c r="B10" s="48">
        <v>3102</v>
      </c>
      <c r="C10" s="162">
        <v>5.2648196685549573</v>
      </c>
      <c r="D10" s="81">
        <v>4.3328721073501671E-2</v>
      </c>
    </row>
    <row r="11" spans="1:4">
      <c r="A11" s="44" t="s">
        <v>534</v>
      </c>
      <c r="B11" s="44">
        <v>2535</v>
      </c>
      <c r="C11" s="164">
        <v>5.1324043828980281</v>
      </c>
      <c r="D11" s="82">
        <v>5.6431680161228286E-2</v>
      </c>
    </row>
    <row r="12" spans="1:4">
      <c r="A12" s="40" t="s">
        <v>535</v>
      </c>
      <c r="B12" s="48">
        <v>1958</v>
      </c>
      <c r="C12" s="162">
        <v>4.6186117703850869</v>
      </c>
      <c r="D12" s="81">
        <v>6.5440379549279351E-2</v>
      </c>
    </row>
    <row r="13" spans="1:4">
      <c r="A13" s="44" t="s">
        <v>536</v>
      </c>
      <c r="B13" s="44">
        <v>281</v>
      </c>
      <c r="C13" s="164">
        <v>4.2474673134339724</v>
      </c>
      <c r="D13" s="82">
        <v>0.16985526276398824</v>
      </c>
    </row>
    <row r="14" spans="1:4">
      <c r="A14" s="40" t="s">
        <v>537</v>
      </c>
      <c r="B14" s="48">
        <v>64</v>
      </c>
      <c r="C14" s="162">
        <v>4.4131839781635795</v>
      </c>
      <c r="D14" s="81">
        <v>0.32635936066193455</v>
      </c>
    </row>
    <row r="15" spans="1:4">
      <c r="A15" s="44" t="s">
        <v>538</v>
      </c>
      <c r="B15" s="44">
        <v>46</v>
      </c>
      <c r="C15" s="164">
        <v>3.3988978607847269</v>
      </c>
      <c r="D15" s="82">
        <v>0.43980669141556339</v>
      </c>
    </row>
    <row r="16" spans="1:4">
      <c r="A16" s="40" t="s">
        <v>539</v>
      </c>
      <c r="B16" s="48">
        <v>51</v>
      </c>
      <c r="C16" s="162">
        <v>4.5714409962638705</v>
      </c>
      <c r="D16" s="81">
        <v>0.37366027264628299</v>
      </c>
    </row>
    <row r="17" spans="1:56">
      <c r="A17" s="44" t="s">
        <v>540</v>
      </c>
      <c r="B17" s="44">
        <v>56</v>
      </c>
      <c r="C17" s="164">
        <v>4.5238891338525562</v>
      </c>
      <c r="D17" s="82">
        <v>0.37722821040753662</v>
      </c>
    </row>
    <row r="18" spans="1:56">
      <c r="A18" s="40" t="s">
        <v>541</v>
      </c>
      <c r="B18" s="161">
        <v>64</v>
      </c>
      <c r="C18" s="162">
        <v>4.1815406971394644</v>
      </c>
      <c r="D18" s="81">
        <v>0.3527228193089933</v>
      </c>
    </row>
    <row r="19" spans="1:56">
      <c r="A19" s="44" t="s">
        <v>542</v>
      </c>
      <c r="B19" s="163">
        <v>476</v>
      </c>
      <c r="C19" s="164">
        <v>4.5828533744326148</v>
      </c>
      <c r="D19" s="82">
        <v>0.13060762806804632</v>
      </c>
    </row>
    <row r="20" spans="1:56">
      <c r="A20" s="40" t="s">
        <v>543</v>
      </c>
      <c r="B20" s="78">
        <v>45</v>
      </c>
      <c r="C20" s="162">
        <v>4.8929308181160245</v>
      </c>
      <c r="D20" s="81">
        <v>0.40026864020581343</v>
      </c>
    </row>
    <row r="21" spans="1:56">
      <c r="A21" s="44" t="s">
        <v>550</v>
      </c>
      <c r="B21" s="163">
        <v>73</v>
      </c>
      <c r="C21" s="164">
        <v>4.4478510874284183</v>
      </c>
      <c r="D21" s="82">
        <v>0.35465552421485308</v>
      </c>
    </row>
    <row r="22" spans="1:56">
      <c r="A22" s="52" t="s">
        <v>544</v>
      </c>
      <c r="B22" s="161">
        <v>97</v>
      </c>
      <c r="C22" s="162">
        <v>4.6204265797963853</v>
      </c>
      <c r="D22" s="81">
        <v>0.29509510223429147</v>
      </c>
    </row>
    <row r="23" spans="1:56">
      <c r="A23" s="44" t="s">
        <v>545</v>
      </c>
      <c r="B23" s="163">
        <v>128</v>
      </c>
      <c r="C23" s="164">
        <v>4.9072830343010168</v>
      </c>
      <c r="D23" s="82">
        <v>0.25205804925515246</v>
      </c>
    </row>
    <row r="24" spans="1:56">
      <c r="A24" s="52" t="s">
        <v>546</v>
      </c>
      <c r="B24" s="161">
        <v>56</v>
      </c>
      <c r="C24" s="162">
        <v>4.1260904298375625</v>
      </c>
      <c r="D24" s="81">
        <v>0.34779473439476805</v>
      </c>
    </row>
    <row r="25" spans="1:56">
      <c r="A25" s="44" t="s">
        <v>547</v>
      </c>
      <c r="B25" s="163">
        <v>77</v>
      </c>
      <c r="C25" s="164">
        <v>4.2675000770988039</v>
      </c>
      <c r="D25" s="82">
        <v>0.31772196434771249</v>
      </c>
    </row>
    <row r="26" spans="1:56">
      <c r="A26" s="52" t="s">
        <v>551</v>
      </c>
      <c r="B26" s="161">
        <v>624</v>
      </c>
      <c r="C26" s="162">
        <v>5.3123674511571028</v>
      </c>
      <c r="D26" s="81">
        <v>9.2936536054483501E-2</v>
      </c>
    </row>
    <row r="27" spans="1:56">
      <c r="A27" s="44" t="s">
        <v>552</v>
      </c>
      <c r="B27" s="163">
        <v>171</v>
      </c>
      <c r="C27" s="164">
        <v>5.4927557796659858</v>
      </c>
      <c r="D27" s="82">
        <v>0.173987890089288</v>
      </c>
    </row>
    <row r="28" spans="1:56">
      <c r="A28" s="52" t="s">
        <v>553</v>
      </c>
      <c r="B28" s="161">
        <v>222</v>
      </c>
      <c r="C28" s="162">
        <v>5.1588214315456318</v>
      </c>
      <c r="D28" s="81">
        <v>0.15198390721603833</v>
      </c>
    </row>
    <row r="29" spans="1:56">
      <c r="A29" s="44" t="s">
        <v>554</v>
      </c>
      <c r="B29" s="163">
        <v>202</v>
      </c>
      <c r="C29" s="164">
        <v>5.3211522448844422</v>
      </c>
      <c r="D29" s="82">
        <v>0.17372434422374902</v>
      </c>
    </row>
    <row r="32" spans="1:56" ht="18.75">
      <c r="A32" s="344" t="s">
        <v>405</v>
      </c>
      <c r="B32" s="344"/>
      <c r="C32" s="344"/>
      <c r="D32" s="344"/>
      <c r="E32" s="344"/>
      <c r="F32" s="344"/>
      <c r="G32" s="344"/>
      <c r="H32" s="344"/>
      <c r="I32" s="344"/>
      <c r="J32" s="344"/>
      <c r="K32" s="344"/>
      <c r="L32" s="344"/>
      <c r="M32" s="344"/>
      <c r="N32" s="344"/>
      <c r="O32" s="344"/>
      <c r="P32" s="344"/>
      <c r="Q32" s="344"/>
      <c r="R32" s="344"/>
      <c r="S32" s="344"/>
      <c r="T32" s="344"/>
      <c r="U32" s="344"/>
      <c r="V32" s="344"/>
      <c r="W32" s="344"/>
      <c r="X32" s="344"/>
      <c r="Y32" s="344"/>
      <c r="Z32" s="344"/>
      <c r="AA32" s="344"/>
      <c r="AB32" s="344"/>
      <c r="AC32" s="344"/>
      <c r="AD32" s="344"/>
      <c r="AE32" s="344"/>
      <c r="AF32" s="344"/>
      <c r="AG32" s="344"/>
      <c r="AH32" s="344"/>
      <c r="AI32" s="344"/>
      <c r="AJ32" s="344"/>
      <c r="AK32" s="344"/>
      <c r="AL32" s="344"/>
      <c r="AM32" s="344"/>
      <c r="AN32" s="344"/>
      <c r="AO32" s="344"/>
      <c r="AP32" s="344"/>
      <c r="AQ32" s="344"/>
      <c r="AR32" s="344"/>
      <c r="AS32" s="344"/>
      <c r="AT32" s="344"/>
      <c r="AU32" s="344"/>
      <c r="AV32" s="344"/>
      <c r="AW32" s="344"/>
      <c r="AX32" s="344"/>
      <c r="AY32" s="344"/>
      <c r="AZ32" s="344"/>
      <c r="BA32" s="344"/>
      <c r="BB32" s="344"/>
      <c r="BC32" s="344"/>
      <c r="BD32" s="344"/>
    </row>
    <row r="33" spans="1:56" ht="79.5" customHeight="1">
      <c r="A33" s="427" t="s">
        <v>603</v>
      </c>
      <c r="B33" s="427"/>
      <c r="C33" s="427"/>
      <c r="D33" s="427"/>
      <c r="E33" s="427"/>
      <c r="F33" s="427"/>
      <c r="G33" s="427"/>
      <c r="H33" s="427"/>
      <c r="I33" s="427"/>
      <c r="J33" s="427"/>
      <c r="K33" s="427"/>
      <c r="L33" s="427"/>
      <c r="M33" s="427"/>
      <c r="N33" s="427"/>
      <c r="O33" s="427"/>
      <c r="P33" s="427"/>
      <c r="Q33" s="427"/>
      <c r="R33" s="427"/>
      <c r="S33" s="427"/>
      <c r="T33" s="427"/>
      <c r="U33" s="427"/>
      <c r="V33" s="427"/>
      <c r="W33" s="427"/>
      <c r="X33" s="427"/>
      <c r="Y33" s="427"/>
      <c r="Z33" s="427"/>
      <c r="AA33" s="427"/>
      <c r="AB33" s="427"/>
      <c r="AC33" s="427"/>
      <c r="AD33" s="427"/>
      <c r="AE33" s="427"/>
      <c r="AF33" s="427"/>
      <c r="AG33" s="427"/>
      <c r="AH33" s="427"/>
      <c r="AI33" s="427"/>
      <c r="AJ33" s="427"/>
      <c r="AK33" s="427"/>
      <c r="AL33" s="427"/>
      <c r="AM33" s="427"/>
      <c r="AN33" s="427"/>
      <c r="AO33" s="427"/>
      <c r="AP33" s="427"/>
      <c r="AQ33" s="427"/>
      <c r="AR33" s="427"/>
      <c r="AS33" s="427"/>
      <c r="AT33" s="427"/>
      <c r="AU33" s="427"/>
      <c r="AV33" s="427"/>
      <c r="AW33" s="427"/>
      <c r="AX33" s="427"/>
      <c r="AY33" s="427"/>
      <c r="AZ33" s="427"/>
      <c r="BA33" s="427"/>
      <c r="BB33" s="427"/>
      <c r="BC33" s="427"/>
      <c r="BD33" s="427"/>
    </row>
    <row r="34" spans="1:56" ht="34.5" customHeight="1">
      <c r="A34" s="59"/>
      <c r="B34" s="393" t="s">
        <v>406</v>
      </c>
      <c r="C34" s="394"/>
      <c r="D34" s="394"/>
      <c r="E34" s="394"/>
      <c r="F34" s="394"/>
      <c r="G34" s="394"/>
      <c r="H34" s="394"/>
      <c r="I34" s="394"/>
      <c r="J34" s="394"/>
      <c r="K34" s="394"/>
      <c r="L34" s="395"/>
      <c r="M34" s="413" t="s">
        <v>407</v>
      </c>
      <c r="N34" s="414"/>
      <c r="O34" s="414"/>
      <c r="P34" s="414"/>
      <c r="Q34" s="414"/>
      <c r="R34" s="414"/>
      <c r="S34" s="414"/>
      <c r="T34" s="414"/>
      <c r="U34" s="414"/>
      <c r="V34" s="414"/>
      <c r="W34" s="414"/>
      <c r="X34" s="393" t="s">
        <v>408</v>
      </c>
      <c r="Y34" s="394"/>
      <c r="Z34" s="394"/>
      <c r="AA34" s="394"/>
      <c r="AB34" s="394"/>
      <c r="AC34" s="394"/>
      <c r="AD34" s="394"/>
      <c r="AE34" s="394"/>
      <c r="AF34" s="394"/>
      <c r="AG34" s="394"/>
      <c r="AH34" s="395"/>
      <c r="AI34" s="413" t="s">
        <v>409</v>
      </c>
      <c r="AJ34" s="414"/>
      <c r="AK34" s="414"/>
      <c r="AL34" s="414"/>
      <c r="AM34" s="414"/>
      <c r="AN34" s="414"/>
      <c r="AO34" s="414"/>
      <c r="AP34" s="414"/>
      <c r="AQ34" s="414"/>
      <c r="AR34" s="414"/>
      <c r="AS34" s="414"/>
      <c r="AT34" s="393" t="s">
        <v>410</v>
      </c>
      <c r="AU34" s="394"/>
      <c r="AV34" s="394"/>
      <c r="AW34" s="394"/>
      <c r="AX34" s="394"/>
      <c r="AY34" s="394"/>
      <c r="AZ34" s="394"/>
      <c r="BA34" s="394"/>
      <c r="BB34" s="394"/>
      <c r="BC34" s="394"/>
      <c r="BD34" s="395"/>
    </row>
    <row r="35" spans="1:56" ht="49.5" customHeight="1">
      <c r="A35" s="32" t="s">
        <v>71</v>
      </c>
      <c r="B35" s="33" t="s">
        <v>72</v>
      </c>
      <c r="C35" s="34" t="s">
        <v>593</v>
      </c>
      <c r="D35" s="35" t="s">
        <v>73</v>
      </c>
      <c r="E35" s="33" t="s">
        <v>312</v>
      </c>
      <c r="F35" s="84" t="s">
        <v>143</v>
      </c>
      <c r="G35" s="33" t="s">
        <v>313</v>
      </c>
      <c r="H35" s="84" t="s">
        <v>144</v>
      </c>
      <c r="I35" s="33" t="s">
        <v>314</v>
      </c>
      <c r="J35" s="84" t="s">
        <v>117</v>
      </c>
      <c r="K35" s="33" t="s">
        <v>301</v>
      </c>
      <c r="L35" s="84" t="s">
        <v>315</v>
      </c>
      <c r="M35" s="60" t="s">
        <v>72</v>
      </c>
      <c r="N35" s="61" t="s">
        <v>593</v>
      </c>
      <c r="O35" s="62" t="s">
        <v>73</v>
      </c>
      <c r="P35" s="60" t="s">
        <v>312</v>
      </c>
      <c r="Q35" s="83" t="s">
        <v>143</v>
      </c>
      <c r="R35" s="60" t="s">
        <v>316</v>
      </c>
      <c r="S35" s="83" t="s">
        <v>317</v>
      </c>
      <c r="T35" s="60" t="s">
        <v>314</v>
      </c>
      <c r="U35" s="83" t="s">
        <v>117</v>
      </c>
      <c r="V35" s="60" t="s">
        <v>301</v>
      </c>
      <c r="W35" s="83" t="s">
        <v>315</v>
      </c>
      <c r="X35" s="33" t="s">
        <v>72</v>
      </c>
      <c r="Y35" s="34" t="s">
        <v>593</v>
      </c>
      <c r="Z35" s="35" t="s">
        <v>73</v>
      </c>
      <c r="AA35" s="33" t="s">
        <v>312</v>
      </c>
      <c r="AB35" s="84" t="s">
        <v>143</v>
      </c>
      <c r="AC35" s="33" t="s">
        <v>313</v>
      </c>
      <c r="AD35" s="84" t="s">
        <v>144</v>
      </c>
      <c r="AE35" s="33" t="s">
        <v>314</v>
      </c>
      <c r="AF35" s="84" t="s">
        <v>117</v>
      </c>
      <c r="AG35" s="33" t="s">
        <v>301</v>
      </c>
      <c r="AH35" s="84" t="s">
        <v>315</v>
      </c>
      <c r="AI35" s="60" t="s">
        <v>72</v>
      </c>
      <c r="AJ35" s="61" t="s">
        <v>593</v>
      </c>
      <c r="AK35" s="62" t="s">
        <v>73</v>
      </c>
      <c r="AL35" s="60" t="s">
        <v>312</v>
      </c>
      <c r="AM35" s="83" t="s">
        <v>143</v>
      </c>
      <c r="AN35" s="60" t="s">
        <v>316</v>
      </c>
      <c r="AO35" s="83" t="s">
        <v>317</v>
      </c>
      <c r="AP35" s="60" t="s">
        <v>314</v>
      </c>
      <c r="AQ35" s="83" t="s">
        <v>117</v>
      </c>
      <c r="AR35" s="60" t="s">
        <v>301</v>
      </c>
      <c r="AS35" s="83" t="s">
        <v>315</v>
      </c>
      <c r="AT35" s="33" t="s">
        <v>72</v>
      </c>
      <c r="AU35" s="34" t="s">
        <v>593</v>
      </c>
      <c r="AV35" s="35" t="s">
        <v>73</v>
      </c>
      <c r="AW35" s="33" t="s">
        <v>312</v>
      </c>
      <c r="AX35" s="84" t="s">
        <v>143</v>
      </c>
      <c r="AY35" s="33" t="s">
        <v>313</v>
      </c>
      <c r="AZ35" s="84" t="s">
        <v>144</v>
      </c>
      <c r="BA35" s="33" t="s">
        <v>314</v>
      </c>
      <c r="BB35" s="84" t="s">
        <v>117</v>
      </c>
      <c r="BC35" s="33" t="s">
        <v>301</v>
      </c>
      <c r="BD35" s="84" t="s">
        <v>315</v>
      </c>
    </row>
    <row r="36" spans="1:56" ht="72">
      <c r="A36" s="36"/>
      <c r="B36" s="37" t="s">
        <v>74</v>
      </c>
      <c r="C36" s="123" t="s">
        <v>304</v>
      </c>
      <c r="D36" s="39" t="s">
        <v>76</v>
      </c>
      <c r="E36" s="37" t="s">
        <v>159</v>
      </c>
      <c r="F36" s="86" t="s">
        <v>88</v>
      </c>
      <c r="G36" s="37" t="s">
        <v>160</v>
      </c>
      <c r="H36" s="86" t="s">
        <v>88</v>
      </c>
      <c r="I36" s="37" t="s">
        <v>161</v>
      </c>
      <c r="J36" s="86" t="s">
        <v>88</v>
      </c>
      <c r="K36" s="37" t="s">
        <v>301</v>
      </c>
      <c r="L36" s="86" t="s">
        <v>88</v>
      </c>
      <c r="M36" s="63" t="s">
        <v>74</v>
      </c>
      <c r="N36" s="254" t="s">
        <v>304</v>
      </c>
      <c r="O36" s="65" t="s">
        <v>76</v>
      </c>
      <c r="P36" s="63" t="s">
        <v>159</v>
      </c>
      <c r="Q36" s="85" t="s">
        <v>88</v>
      </c>
      <c r="R36" s="63" t="s">
        <v>160</v>
      </c>
      <c r="S36" s="85" t="s">
        <v>88</v>
      </c>
      <c r="T36" s="63" t="s">
        <v>161</v>
      </c>
      <c r="U36" s="85" t="s">
        <v>88</v>
      </c>
      <c r="V36" s="63" t="s">
        <v>301</v>
      </c>
      <c r="W36" s="85" t="s">
        <v>88</v>
      </c>
      <c r="X36" s="37" t="s">
        <v>74</v>
      </c>
      <c r="Y36" s="123" t="s">
        <v>304</v>
      </c>
      <c r="Z36" s="39" t="s">
        <v>76</v>
      </c>
      <c r="AA36" s="37" t="s">
        <v>159</v>
      </c>
      <c r="AB36" s="86" t="s">
        <v>88</v>
      </c>
      <c r="AC36" s="37" t="s">
        <v>160</v>
      </c>
      <c r="AD36" s="86" t="s">
        <v>88</v>
      </c>
      <c r="AE36" s="37" t="s">
        <v>161</v>
      </c>
      <c r="AF36" s="86" t="s">
        <v>88</v>
      </c>
      <c r="AG36" s="37" t="s">
        <v>301</v>
      </c>
      <c r="AH36" s="86" t="s">
        <v>88</v>
      </c>
      <c r="AI36" s="63" t="s">
        <v>74</v>
      </c>
      <c r="AJ36" s="254" t="s">
        <v>304</v>
      </c>
      <c r="AK36" s="65" t="s">
        <v>76</v>
      </c>
      <c r="AL36" s="63" t="s">
        <v>159</v>
      </c>
      <c r="AM36" s="85" t="s">
        <v>88</v>
      </c>
      <c r="AN36" s="63" t="s">
        <v>160</v>
      </c>
      <c r="AO36" s="85" t="s">
        <v>88</v>
      </c>
      <c r="AP36" s="63" t="s">
        <v>161</v>
      </c>
      <c r="AQ36" s="85" t="s">
        <v>88</v>
      </c>
      <c r="AR36" s="63" t="s">
        <v>301</v>
      </c>
      <c r="AS36" s="85" t="s">
        <v>88</v>
      </c>
      <c r="AT36" s="37" t="s">
        <v>74</v>
      </c>
      <c r="AU36" s="123" t="s">
        <v>304</v>
      </c>
      <c r="AV36" s="39" t="s">
        <v>76</v>
      </c>
      <c r="AW36" s="37" t="s">
        <v>159</v>
      </c>
      <c r="AX36" s="86" t="s">
        <v>88</v>
      </c>
      <c r="AY36" s="37" t="s">
        <v>160</v>
      </c>
      <c r="AZ36" s="86" t="s">
        <v>88</v>
      </c>
      <c r="BA36" s="37" t="s">
        <v>161</v>
      </c>
      <c r="BB36" s="86" t="s">
        <v>88</v>
      </c>
      <c r="BC36" s="37" t="s">
        <v>301</v>
      </c>
      <c r="BD36" s="86" t="s">
        <v>88</v>
      </c>
    </row>
    <row r="37" spans="1:56">
      <c r="A37" s="40" t="s">
        <v>350</v>
      </c>
      <c r="B37" s="191">
        <v>13940</v>
      </c>
      <c r="C37" s="79">
        <v>5.3923572280825276</v>
      </c>
      <c r="D37" s="80">
        <v>2.9743774228974319E-2</v>
      </c>
      <c r="E37" s="193">
        <v>0.13862554606183874</v>
      </c>
      <c r="F37" s="89">
        <v>5.8545042434810807E-3</v>
      </c>
      <c r="G37" s="193">
        <v>0.10636068005020874</v>
      </c>
      <c r="H37" s="89">
        <v>5.2240938731128147E-3</v>
      </c>
      <c r="I37" s="193">
        <v>0.74136904747388854</v>
      </c>
      <c r="J37" s="89">
        <v>7.4170571949616374E-3</v>
      </c>
      <c r="K37" s="193">
        <v>1.3644726414063765E-2</v>
      </c>
      <c r="L37" s="89">
        <v>1.974757352491056E-3</v>
      </c>
      <c r="M37" s="191">
        <v>13891</v>
      </c>
      <c r="N37" s="79">
        <v>4.4888687252785306</v>
      </c>
      <c r="O37" s="80">
        <v>3.5824400742918844E-2</v>
      </c>
      <c r="P37" s="193">
        <v>0.25315772708698303</v>
      </c>
      <c r="Q37" s="89">
        <v>7.3782104949347595E-3</v>
      </c>
      <c r="R37" s="193">
        <v>0.13848449710155714</v>
      </c>
      <c r="S37" s="89">
        <v>5.8623229416315172E-3</v>
      </c>
      <c r="T37" s="193">
        <v>0.46349818206867222</v>
      </c>
      <c r="U37" s="89">
        <v>8.46079176421171E-3</v>
      </c>
      <c r="V37" s="193">
        <v>0.14485959374280638</v>
      </c>
      <c r="W37" s="89">
        <v>5.9733821780276336E-3</v>
      </c>
      <c r="X37" s="191">
        <v>13899</v>
      </c>
      <c r="Y37" s="79">
        <v>4.6005030812762415</v>
      </c>
      <c r="Z37" s="80">
        <v>3.4101744936513793E-2</v>
      </c>
      <c r="AA37" s="193">
        <v>0.26523134780133095</v>
      </c>
      <c r="AB37" s="89">
        <v>7.4885683846324675E-3</v>
      </c>
      <c r="AC37" s="193">
        <v>0.13513539828581758</v>
      </c>
      <c r="AD37" s="89">
        <v>5.8006493954506372E-3</v>
      </c>
      <c r="AE37" s="193">
        <v>0.53565305596212776</v>
      </c>
      <c r="AF37" s="89">
        <v>8.4593980748710433E-3</v>
      </c>
      <c r="AG37" s="193">
        <v>6.3980197950739087E-2</v>
      </c>
      <c r="AH37" s="89">
        <v>4.1546771624056131E-3</v>
      </c>
      <c r="AI37" s="191">
        <v>13873</v>
      </c>
      <c r="AJ37" s="79">
        <v>5.4453897656438359</v>
      </c>
      <c r="AK37" s="80">
        <v>2.6492579756538036E-2</v>
      </c>
      <c r="AL37" s="193">
        <v>9.4930252377145641E-2</v>
      </c>
      <c r="AM37" s="89">
        <v>4.9792558899389664E-3</v>
      </c>
      <c r="AN37" s="193">
        <v>0.11528343223800952</v>
      </c>
      <c r="AO37" s="89">
        <v>5.4243697892731712E-3</v>
      </c>
      <c r="AP37" s="193">
        <v>0.67995250813807673</v>
      </c>
      <c r="AQ37" s="89">
        <v>7.9204039256124386E-3</v>
      </c>
      <c r="AR37" s="193">
        <v>0.10983380724677951</v>
      </c>
      <c r="AS37" s="89">
        <v>5.3110521555264183E-3</v>
      </c>
      <c r="AT37" s="191">
        <v>12496</v>
      </c>
      <c r="AU37" s="79">
        <v>5.1109221959418552</v>
      </c>
      <c r="AV37" s="80">
        <v>3.4400193252542538E-2</v>
      </c>
      <c r="AW37" s="193">
        <v>0.10971395465517197</v>
      </c>
      <c r="AX37" s="89">
        <v>5.5935469693539283E-3</v>
      </c>
      <c r="AY37" s="193">
        <v>0.12233961470793496</v>
      </c>
      <c r="AZ37" s="89">
        <v>5.8641664448586114E-3</v>
      </c>
      <c r="BA37" s="193">
        <v>0.52518936648083892</v>
      </c>
      <c r="BB37" s="89">
        <v>8.9329216153999393E-3</v>
      </c>
      <c r="BC37" s="193">
        <v>0.24275706415607431</v>
      </c>
      <c r="BD37" s="89">
        <v>7.6705862408790494E-3</v>
      </c>
    </row>
    <row r="38" spans="1:56">
      <c r="A38" s="44" t="s">
        <v>351</v>
      </c>
      <c r="B38" s="44">
        <v>10237</v>
      </c>
      <c r="C38" s="175">
        <v>5.09793175000154</v>
      </c>
      <c r="D38" s="127">
        <v>3.6227436418477137E-2</v>
      </c>
      <c r="E38" s="194">
        <v>0.20505237295533468</v>
      </c>
      <c r="F38" s="92">
        <v>7.980883358613914E-3</v>
      </c>
      <c r="G38" s="194">
        <v>0.10934293891190253</v>
      </c>
      <c r="H38" s="92">
        <v>6.1712771353111418E-3</v>
      </c>
      <c r="I38" s="194">
        <v>0.67649742335706919</v>
      </c>
      <c r="J38" s="92">
        <v>9.2460214665211673E-3</v>
      </c>
      <c r="K38" s="194">
        <v>9.1072647756860227E-3</v>
      </c>
      <c r="L38" s="92">
        <v>1.8969167039083483E-3</v>
      </c>
      <c r="M38" s="44">
        <v>10202</v>
      </c>
      <c r="N38" s="175">
        <v>3.9950778559713549</v>
      </c>
      <c r="O38" s="127">
        <v>4.2272162203040323E-2</v>
      </c>
      <c r="P38" s="194">
        <v>0.35080112657794904</v>
      </c>
      <c r="Q38" s="92">
        <v>9.447963688091655E-3</v>
      </c>
      <c r="R38" s="194">
        <v>0.12533013974003504</v>
      </c>
      <c r="S38" s="92">
        <v>6.5579767007389045E-3</v>
      </c>
      <c r="T38" s="194">
        <v>0.36984934619564652</v>
      </c>
      <c r="U38" s="92">
        <v>9.557607805195472E-3</v>
      </c>
      <c r="V38" s="194">
        <v>0.15401938748636876</v>
      </c>
      <c r="W38" s="92">
        <v>7.1486889222696541E-3</v>
      </c>
      <c r="X38" s="44">
        <v>10203</v>
      </c>
      <c r="Y38" s="175">
        <v>4.0246571952324945</v>
      </c>
      <c r="Z38" s="127">
        <v>4.0117288152217344E-2</v>
      </c>
      <c r="AA38" s="194">
        <v>0.39680804169681044</v>
      </c>
      <c r="AB38" s="92">
        <v>9.6851535940097652E-3</v>
      </c>
      <c r="AC38" s="194">
        <v>0.12694800785596802</v>
      </c>
      <c r="AD38" s="92">
        <v>6.5936743955059361E-3</v>
      </c>
      <c r="AE38" s="194">
        <v>0.41817946931466099</v>
      </c>
      <c r="AF38" s="92">
        <v>9.7647582304861303E-3</v>
      </c>
      <c r="AG38" s="194">
        <v>5.8064481132560769E-2</v>
      </c>
      <c r="AH38" s="92">
        <v>4.6361085122541583E-3</v>
      </c>
      <c r="AI38" s="44">
        <v>10195</v>
      </c>
      <c r="AJ38" s="175">
        <v>5.42475305301285</v>
      </c>
      <c r="AK38" s="127">
        <v>3.1646890455128363E-2</v>
      </c>
      <c r="AL38" s="194">
        <v>0.100853439818381</v>
      </c>
      <c r="AM38" s="92">
        <v>5.9677522300923876E-3</v>
      </c>
      <c r="AN38" s="194">
        <v>0.10833693314830201</v>
      </c>
      <c r="AO38" s="92">
        <v>6.1589987496151501E-3</v>
      </c>
      <c r="AP38" s="194">
        <v>0.66639303561309138</v>
      </c>
      <c r="AQ38" s="92">
        <v>9.3380283067416199E-3</v>
      </c>
      <c r="AR38" s="194">
        <v>0.12441659142021783</v>
      </c>
      <c r="AS38" s="92">
        <v>6.5397254220062326E-3</v>
      </c>
      <c r="AT38" s="44">
        <v>8834</v>
      </c>
      <c r="AU38" s="175">
        <v>4.9025365079343191</v>
      </c>
      <c r="AV38" s="127">
        <v>4.3705890939296527E-2</v>
      </c>
      <c r="AW38" s="194">
        <v>0.1377063033555474</v>
      </c>
      <c r="AX38" s="92">
        <v>7.3345694733621793E-3</v>
      </c>
      <c r="AY38" s="194">
        <v>0.11459535486474738</v>
      </c>
      <c r="AZ38" s="92">
        <v>6.7810179895330253E-3</v>
      </c>
      <c r="BA38" s="194">
        <v>0.45164065069923159</v>
      </c>
      <c r="BB38" s="92">
        <v>1.0587270057826835E-2</v>
      </c>
      <c r="BC38" s="194">
        <v>0.29605769108047647</v>
      </c>
      <c r="BD38" s="92">
        <v>9.712900063322925E-3</v>
      </c>
    </row>
    <row r="39" spans="1:56">
      <c r="A39" s="40" t="s">
        <v>352</v>
      </c>
      <c r="B39" s="48">
        <v>3703</v>
      </c>
      <c r="C39" s="79">
        <v>5.6346068862803182</v>
      </c>
      <c r="D39" s="80">
        <v>4.5919245388859074E-2</v>
      </c>
      <c r="E39" s="193">
        <v>8.4424856767128811E-2</v>
      </c>
      <c r="F39" s="89">
        <v>9.1547146304464099E-3</v>
      </c>
      <c r="G39" s="193">
        <v>0.10392731850761371</v>
      </c>
      <c r="H39" s="89">
        <v>1.0042520548455001E-2</v>
      </c>
      <c r="I39" s="193">
        <v>0.79430077562095602</v>
      </c>
      <c r="J39" s="89">
        <v>1.3285431587012137E-2</v>
      </c>
      <c r="K39" s="193">
        <v>1.734704910430206E-2</v>
      </c>
      <c r="L39" s="89">
        <v>4.3515083861591095E-3</v>
      </c>
      <c r="M39" s="48">
        <v>3689</v>
      </c>
      <c r="N39" s="79">
        <v>4.8840167198156124</v>
      </c>
      <c r="O39" s="80">
        <v>5.8626969043232585E-2</v>
      </c>
      <c r="P39" s="193">
        <v>0.17348384769875286</v>
      </c>
      <c r="Q39" s="89">
        <v>1.2472250413822907E-2</v>
      </c>
      <c r="R39" s="193">
        <v>0.14921803042090873</v>
      </c>
      <c r="S39" s="89">
        <v>1.1738573934670695E-2</v>
      </c>
      <c r="T39" s="193">
        <v>0.53991262578008392</v>
      </c>
      <c r="U39" s="89">
        <v>1.6403074458564502E-2</v>
      </c>
      <c r="V39" s="193">
        <v>0.13738549610025569</v>
      </c>
      <c r="W39" s="89">
        <v>1.1343319567714845E-2</v>
      </c>
      <c r="X39" s="48">
        <v>3696</v>
      </c>
      <c r="Y39" s="79">
        <v>5.0755890139435946</v>
      </c>
      <c r="Z39" s="80">
        <v>5.473836417165108E-2</v>
      </c>
      <c r="AA39" s="193">
        <v>0.15791539994932807</v>
      </c>
      <c r="AB39" s="89">
        <v>1.2001396761399264E-2</v>
      </c>
      <c r="AC39" s="193">
        <v>0.14181315814130563</v>
      </c>
      <c r="AD39" s="89">
        <v>1.1483451644735765E-2</v>
      </c>
      <c r="AE39" s="193">
        <v>0.63146629556715328</v>
      </c>
      <c r="AF39" s="89">
        <v>1.5862720615133673E-2</v>
      </c>
      <c r="AG39" s="193">
        <v>6.880514634221338E-2</v>
      </c>
      <c r="AH39" s="89">
        <v>8.3486713317167185E-3</v>
      </c>
      <c r="AI39" s="48">
        <v>3678</v>
      </c>
      <c r="AJ39" s="79">
        <v>5.4617472035240109</v>
      </c>
      <c r="AK39" s="80">
        <v>4.792711184259766E-2</v>
      </c>
      <c r="AL39" s="193">
        <v>9.0093261629132768E-2</v>
      </c>
      <c r="AM39" s="89">
        <v>9.4579510640699672E-3</v>
      </c>
      <c r="AN39" s="193">
        <v>0.12095607929861668</v>
      </c>
      <c r="AO39" s="89">
        <v>1.0763251619439602E-2</v>
      </c>
      <c r="AP39" s="193">
        <v>0.69102543868465216</v>
      </c>
      <c r="AQ39" s="89">
        <v>1.5232706003077566E-2</v>
      </c>
      <c r="AR39" s="193">
        <v>9.7925220387598488E-2</v>
      </c>
      <c r="AS39" s="89">
        <v>9.8156242146173727E-3</v>
      </c>
      <c r="AT39" s="48">
        <v>3662</v>
      </c>
      <c r="AU39" s="79">
        <v>5.2576190783384709</v>
      </c>
      <c r="AV39" s="80">
        <v>5.227008865809326E-2</v>
      </c>
      <c r="AW39" s="193">
        <v>8.73226548364118E-2</v>
      </c>
      <c r="AX39" s="89">
        <v>9.3468557777914296E-3</v>
      </c>
      <c r="AY39" s="193">
        <v>0.12853430904670382</v>
      </c>
      <c r="AZ39" s="89">
        <v>1.107008831767956E-2</v>
      </c>
      <c r="BA39" s="193">
        <v>0.58402156252046245</v>
      </c>
      <c r="BB39" s="89">
        <v>1.6281611134885458E-2</v>
      </c>
      <c r="BC39" s="193">
        <v>0.20012147359642266</v>
      </c>
      <c r="BD39" s="89">
        <v>1.3223868824163425E-2</v>
      </c>
    </row>
    <row r="40" spans="1:56">
      <c r="A40" s="44" t="s">
        <v>534</v>
      </c>
      <c r="B40" s="44">
        <v>3210</v>
      </c>
      <c r="C40" s="175">
        <v>5.4711735009245279</v>
      </c>
      <c r="D40" s="127">
        <v>6.2544328275914676E-2</v>
      </c>
      <c r="E40" s="194">
        <v>0.1191685862403549</v>
      </c>
      <c r="F40" s="92">
        <v>1.1449312644252285E-2</v>
      </c>
      <c r="G40" s="194">
        <v>9.7178783659640888E-2</v>
      </c>
      <c r="H40" s="92">
        <v>1.0473465546211131E-2</v>
      </c>
      <c r="I40" s="194">
        <v>0.76656595669051086</v>
      </c>
      <c r="J40" s="92">
        <v>1.4930636153307844E-2</v>
      </c>
      <c r="K40" s="194">
        <v>1.7086673409490671E-2</v>
      </c>
      <c r="L40" s="92">
        <v>4.6501542508024431E-3</v>
      </c>
      <c r="M40" s="44">
        <v>3201</v>
      </c>
      <c r="N40" s="175">
        <v>4.6482114740604246</v>
      </c>
      <c r="O40" s="127">
        <v>7.6531326148052137E-2</v>
      </c>
      <c r="P40" s="194">
        <v>0.21498209458271059</v>
      </c>
      <c r="Q40" s="92">
        <v>1.4521700937547446E-2</v>
      </c>
      <c r="R40" s="194">
        <v>0.13174978446021235</v>
      </c>
      <c r="S40" s="92">
        <v>1.1966153994484538E-2</v>
      </c>
      <c r="T40" s="194">
        <v>0.49432284958287098</v>
      </c>
      <c r="U40" s="92">
        <v>1.7662739202808614E-2</v>
      </c>
      <c r="V40" s="194">
        <v>0.15894527137420097</v>
      </c>
      <c r="W40" s="92">
        <v>1.2930720621916468E-2</v>
      </c>
      <c r="X40" s="44">
        <v>3202</v>
      </c>
      <c r="Y40" s="175">
        <v>4.8404623905785584</v>
      </c>
      <c r="Z40" s="127">
        <v>7.0951628418882806E-2</v>
      </c>
      <c r="AA40" s="194">
        <v>0.20783081290225605</v>
      </c>
      <c r="AB40" s="92">
        <v>1.4341440198113203E-2</v>
      </c>
      <c r="AC40" s="194">
        <v>0.12112634938886588</v>
      </c>
      <c r="AD40" s="92">
        <v>1.1544090797466672E-2</v>
      </c>
      <c r="AE40" s="194">
        <v>0.59841924955398818</v>
      </c>
      <c r="AF40" s="92">
        <v>1.7316466757085758E-2</v>
      </c>
      <c r="AG40" s="194">
        <v>7.2623588154884816E-2</v>
      </c>
      <c r="AH40" s="92">
        <v>9.1976895167030434E-3</v>
      </c>
      <c r="AI40" s="44">
        <v>3194</v>
      </c>
      <c r="AJ40" s="175">
        <v>5.4965788280474532</v>
      </c>
      <c r="AK40" s="127">
        <v>5.39184280467008E-2</v>
      </c>
      <c r="AL40" s="194">
        <v>8.0722701380157524E-2</v>
      </c>
      <c r="AM40" s="92">
        <v>9.662602733528711E-3</v>
      </c>
      <c r="AN40" s="194">
        <v>0.10562344483645129</v>
      </c>
      <c r="AO40" s="92">
        <v>1.0892387640438751E-2</v>
      </c>
      <c r="AP40" s="194">
        <v>0.68834906044369559</v>
      </c>
      <c r="AQ40" s="92">
        <v>1.6383968422949192E-2</v>
      </c>
      <c r="AR40" s="194">
        <v>0.12530479333969177</v>
      </c>
      <c r="AS40" s="92">
        <v>1.1727278976244888E-2</v>
      </c>
      <c r="AT40" s="44">
        <v>2693</v>
      </c>
      <c r="AU40" s="175">
        <v>5.1972956997502342</v>
      </c>
      <c r="AV40" s="127">
        <v>7.4933386586816822E-2</v>
      </c>
      <c r="AW40" s="194">
        <v>9.8714280600361484E-2</v>
      </c>
      <c r="AX40" s="92">
        <v>1.1517881152582983E-2</v>
      </c>
      <c r="AY40" s="194">
        <v>0.10910510632615406</v>
      </c>
      <c r="AZ40" s="92">
        <v>1.2034685185197033E-2</v>
      </c>
      <c r="BA40" s="194">
        <v>0.5370674223810642</v>
      </c>
      <c r="BB40" s="92">
        <v>1.9202879480534684E-2</v>
      </c>
      <c r="BC40" s="194">
        <v>0.25511319069241317</v>
      </c>
      <c r="BD40" s="92">
        <v>1.67959334343116E-2</v>
      </c>
    </row>
    <row r="41" spans="1:56">
      <c r="A41" s="40" t="s">
        <v>535</v>
      </c>
      <c r="B41" s="48">
        <v>2526</v>
      </c>
      <c r="C41" s="79">
        <v>5.0245472305245293</v>
      </c>
      <c r="D41" s="80">
        <v>7.3086288187027851E-2</v>
      </c>
      <c r="E41" s="193">
        <v>0.22659973479454959</v>
      </c>
      <c r="F41" s="89">
        <v>1.6656894002829346E-2</v>
      </c>
      <c r="G41" s="193">
        <v>9.8784773640688814E-2</v>
      </c>
      <c r="H41" s="89">
        <v>1.1897782526559226E-2</v>
      </c>
      <c r="I41" s="193">
        <v>0.66947301372283063</v>
      </c>
      <c r="J41" s="89">
        <v>1.8708060596754075E-2</v>
      </c>
      <c r="K41" s="193">
        <v>5.1424778419336533E-3</v>
      </c>
      <c r="L41" s="89">
        <v>3.0515355546282021E-3</v>
      </c>
      <c r="M41" s="48">
        <v>2518</v>
      </c>
      <c r="N41" s="79">
        <v>3.807231795425849</v>
      </c>
      <c r="O41" s="80">
        <v>8.719349722468217E-2</v>
      </c>
      <c r="P41" s="193">
        <v>0.3931344109304139</v>
      </c>
      <c r="Q41" s="89">
        <v>1.9453922590414327E-2</v>
      </c>
      <c r="R41" s="193">
        <v>8.9271586410648016E-2</v>
      </c>
      <c r="S41" s="89">
        <v>1.1392838984496566E-2</v>
      </c>
      <c r="T41" s="193">
        <v>0.34769966401807822</v>
      </c>
      <c r="U41" s="89">
        <v>1.8969407613042853E-2</v>
      </c>
      <c r="V41" s="193">
        <v>0.16989433864086401</v>
      </c>
      <c r="W41" s="89">
        <v>1.4974238496415391E-2</v>
      </c>
      <c r="X41" s="48">
        <v>2518</v>
      </c>
      <c r="Y41" s="79">
        <v>4.027126314807556</v>
      </c>
      <c r="Z41" s="80">
        <v>8.0999631536888786E-2</v>
      </c>
      <c r="AA41" s="193">
        <v>0.39947389764687452</v>
      </c>
      <c r="AB41" s="89">
        <v>1.9507274424589768E-2</v>
      </c>
      <c r="AC41" s="193">
        <v>0.10754072465974682</v>
      </c>
      <c r="AD41" s="89">
        <v>1.2369150695113728E-2</v>
      </c>
      <c r="AE41" s="193">
        <v>0.4308323617875971</v>
      </c>
      <c r="AF41" s="89">
        <v>1.972173597942501E-2</v>
      </c>
      <c r="AG41" s="193">
        <v>6.2153015905784675E-2</v>
      </c>
      <c r="AH41" s="89">
        <v>9.6651024715294961E-3</v>
      </c>
      <c r="AI41" s="48">
        <v>2514</v>
      </c>
      <c r="AJ41" s="79">
        <v>5.5299834831850676</v>
      </c>
      <c r="AK41" s="80">
        <v>6.1817436799419326E-2</v>
      </c>
      <c r="AL41" s="193">
        <v>8.9959131776004467E-2</v>
      </c>
      <c r="AM41" s="89">
        <v>1.1441063067872391E-2</v>
      </c>
      <c r="AN41" s="193">
        <v>8.5664816985639949E-2</v>
      </c>
      <c r="AO41" s="89">
        <v>1.1193393565825107E-2</v>
      </c>
      <c r="AP41" s="193">
        <v>0.67137087608733637</v>
      </c>
      <c r="AQ41" s="89">
        <v>1.872527247172304E-2</v>
      </c>
      <c r="AR41" s="193">
        <v>0.15300517515102219</v>
      </c>
      <c r="AS41" s="89">
        <v>1.4369283201611804E-2</v>
      </c>
      <c r="AT41" s="48">
        <v>2018</v>
      </c>
      <c r="AU41" s="79">
        <v>4.943262318906803</v>
      </c>
      <c r="AV41" s="80">
        <v>9.2320780724216664E-2</v>
      </c>
      <c r="AW41" s="193">
        <v>0.11255350441964834</v>
      </c>
      <c r="AX41" s="89">
        <v>1.4098603697992873E-2</v>
      </c>
      <c r="AY41" s="193">
        <v>0.10003307745032648</v>
      </c>
      <c r="AZ41" s="89">
        <v>1.3391965550222313E-2</v>
      </c>
      <c r="BA41" s="193">
        <v>0.40411615756806263</v>
      </c>
      <c r="BB41" s="89">
        <v>2.1827605617024959E-2</v>
      </c>
      <c r="BC41" s="193">
        <v>0.383297260561963</v>
      </c>
      <c r="BD41" s="89">
        <v>2.1626919458765204E-2</v>
      </c>
    </row>
    <row r="42" spans="1:56">
      <c r="A42" s="44" t="s">
        <v>536</v>
      </c>
      <c r="B42" s="44">
        <v>368</v>
      </c>
      <c r="C42" s="175">
        <v>4.6451542489261453</v>
      </c>
      <c r="D42" s="127">
        <v>0.18736820577471822</v>
      </c>
      <c r="E42" s="194">
        <v>0.27621610786539569</v>
      </c>
      <c r="F42" s="92">
        <v>4.6488749031018801E-2</v>
      </c>
      <c r="G42" s="194">
        <v>0.10479299870128869</v>
      </c>
      <c r="H42" s="92">
        <v>3.2321014439008693E-2</v>
      </c>
      <c r="I42" s="194">
        <v>0.61489076032315149</v>
      </c>
      <c r="J42" s="92">
        <v>5.0490332892561322E-2</v>
      </c>
      <c r="K42" s="194">
        <v>4.1001331101635247E-3</v>
      </c>
      <c r="L42" s="92">
        <v>1.00233167772103E-2</v>
      </c>
      <c r="M42" s="44">
        <v>368</v>
      </c>
      <c r="N42" s="175">
        <v>3.2671623895418542</v>
      </c>
      <c r="O42" s="127">
        <v>0.22526264836591742</v>
      </c>
      <c r="P42" s="194">
        <v>0.48049423888328036</v>
      </c>
      <c r="Q42" s="92">
        <v>5.1808960858243998E-2</v>
      </c>
      <c r="R42" s="194">
        <v>9.5297448836610898E-2</v>
      </c>
      <c r="S42" s="92">
        <v>3.1059974624017956E-2</v>
      </c>
      <c r="T42" s="194">
        <v>0.24506463686379454</v>
      </c>
      <c r="U42" s="92">
        <v>4.4769195977696144E-2</v>
      </c>
      <c r="V42" s="194">
        <v>0.17914367541631454</v>
      </c>
      <c r="W42" s="92">
        <v>4.0060876831797237E-2</v>
      </c>
      <c r="X42" s="44">
        <v>368</v>
      </c>
      <c r="Y42" s="175">
        <v>3.4216278124239259</v>
      </c>
      <c r="Z42" s="127">
        <v>0.20561321295374985</v>
      </c>
      <c r="AA42" s="194">
        <v>0.52296532321690525</v>
      </c>
      <c r="AB42" s="92">
        <v>5.1794037417523198E-2</v>
      </c>
      <c r="AC42" s="194">
        <v>9.3555216730593166E-2</v>
      </c>
      <c r="AD42" s="92">
        <v>3.081965743001679E-2</v>
      </c>
      <c r="AE42" s="194">
        <v>0.32687594509267925</v>
      </c>
      <c r="AF42" s="92">
        <v>4.8711257454761514E-2</v>
      </c>
      <c r="AG42" s="194">
        <v>5.6603514959822396E-2</v>
      </c>
      <c r="AH42" s="92">
        <v>2.4887875997756898E-2</v>
      </c>
      <c r="AI42" s="44">
        <v>366</v>
      </c>
      <c r="AJ42" s="175">
        <v>5.4047794640559994</v>
      </c>
      <c r="AK42" s="127">
        <v>0.15569862966502621</v>
      </c>
      <c r="AL42" s="194">
        <v>8.9369359604437579E-2</v>
      </c>
      <c r="AM42" s="92">
        <v>3.0315200808181054E-2</v>
      </c>
      <c r="AN42" s="194">
        <v>0.12022030598537282</v>
      </c>
      <c r="AO42" s="92">
        <v>3.4306893180651457E-2</v>
      </c>
      <c r="AP42" s="194">
        <v>0.64996480555668346</v>
      </c>
      <c r="AQ42" s="92">
        <v>4.9646772508418445E-2</v>
      </c>
      <c r="AR42" s="194">
        <v>0.14044552885350567</v>
      </c>
      <c r="AS42" s="92">
        <v>3.6539605106982835E-2</v>
      </c>
      <c r="AT42" s="44">
        <v>293</v>
      </c>
      <c r="AU42" s="175">
        <v>4.6537683508716379</v>
      </c>
      <c r="AV42" s="127">
        <v>0.24374831383141368</v>
      </c>
      <c r="AW42" s="194">
        <v>0.14799933088114398</v>
      </c>
      <c r="AX42" s="92">
        <v>4.1748089881768098E-2</v>
      </c>
      <c r="AY42" s="194">
        <v>0.1519770038168351</v>
      </c>
      <c r="AZ42" s="92">
        <v>4.2182945510552704E-2</v>
      </c>
      <c r="BA42" s="194">
        <v>0.35756453097987595</v>
      </c>
      <c r="BB42" s="92">
        <v>5.5687310225642023E-2</v>
      </c>
      <c r="BC42" s="194">
        <v>0.3424591343221462</v>
      </c>
      <c r="BD42" s="92">
        <v>5.5151447730492055E-2</v>
      </c>
    </row>
    <row r="43" spans="1:56">
      <c r="A43" s="40" t="s">
        <v>537</v>
      </c>
      <c r="B43" s="48">
        <v>86</v>
      </c>
      <c r="C43" s="79">
        <v>5.1028113487591762</v>
      </c>
      <c r="D43" s="80">
        <v>0.33407663802839149</v>
      </c>
      <c r="E43" s="193">
        <v>0.21357489483462744</v>
      </c>
      <c r="F43" s="89">
        <v>8.8214635209817538E-2</v>
      </c>
      <c r="G43" s="193">
        <v>8.4093493330198263E-2</v>
      </c>
      <c r="H43" s="89">
        <v>6.3963855874918985E-2</v>
      </c>
      <c r="I43" s="193">
        <v>0.70233161183517501</v>
      </c>
      <c r="J43" s="89">
        <v>9.7209966122175348E-2</v>
      </c>
      <c r="K43" s="193">
        <v>0</v>
      </c>
      <c r="L43" s="89">
        <v>3.1075817723560044E-2</v>
      </c>
      <c r="M43" s="48">
        <v>86</v>
      </c>
      <c r="N43" s="79">
        <v>3.3132768582194512</v>
      </c>
      <c r="O43" s="80">
        <v>0.4224666741493619</v>
      </c>
      <c r="P43" s="193">
        <v>0.44441283554098232</v>
      </c>
      <c r="Q43" s="89">
        <v>0.10481276942441436</v>
      </c>
      <c r="R43" s="193">
        <v>0.16379936723335653</v>
      </c>
      <c r="S43" s="89">
        <v>8.0772121627300603E-2</v>
      </c>
      <c r="T43" s="193">
        <v>0.25415610095368757</v>
      </c>
      <c r="U43" s="89">
        <v>9.3050468154235955E-2</v>
      </c>
      <c r="V43" s="193">
        <v>0.13763169627197427</v>
      </c>
      <c r="W43" s="89">
        <v>7.6041480821398805E-2</v>
      </c>
      <c r="X43" s="48">
        <v>85</v>
      </c>
      <c r="Y43" s="79">
        <v>3.5249091190158248</v>
      </c>
      <c r="Z43" s="80">
        <v>0.43049423686581872</v>
      </c>
      <c r="AA43" s="193">
        <v>0.43650922644331053</v>
      </c>
      <c r="AB43" s="89">
        <v>0.10521740429961572</v>
      </c>
      <c r="AC43" s="193">
        <v>0.14893796875316412</v>
      </c>
      <c r="AD43" s="89">
        <v>7.8635745235470192E-2</v>
      </c>
      <c r="AE43" s="193">
        <v>0.33179083510505791</v>
      </c>
      <c r="AF43" s="89">
        <v>0.1003794673841682</v>
      </c>
      <c r="AG43" s="193">
        <v>8.2761969698468232E-2</v>
      </c>
      <c r="AH43" s="89">
        <v>6.4025661868437944E-2</v>
      </c>
      <c r="AI43" s="48">
        <v>85</v>
      </c>
      <c r="AJ43" s="79">
        <v>5.5558995676407728</v>
      </c>
      <c r="AK43" s="80">
        <v>0.33691295632714591</v>
      </c>
      <c r="AL43" s="193">
        <v>5.1536753501895349E-2</v>
      </c>
      <c r="AM43" s="89">
        <v>5.4691208377120444E-2</v>
      </c>
      <c r="AN43" s="193">
        <v>0.1220404296065619</v>
      </c>
      <c r="AO43" s="89">
        <v>7.3346573075860691E-2</v>
      </c>
      <c r="AP43" s="193">
        <v>0.63490203712882276</v>
      </c>
      <c r="AQ43" s="89">
        <v>0.10242026349651301</v>
      </c>
      <c r="AR43" s="193">
        <v>0.19152077976272078</v>
      </c>
      <c r="AS43" s="89">
        <v>8.5644158054755518E-2</v>
      </c>
      <c r="AT43" s="48">
        <v>72</v>
      </c>
      <c r="AU43" s="79">
        <v>4.5854351783446736</v>
      </c>
      <c r="AV43" s="80">
        <v>0.53007397371363774</v>
      </c>
      <c r="AW43" s="193">
        <v>0.17248778039633311</v>
      </c>
      <c r="AX43" s="89">
        <v>8.9950158484685919E-2</v>
      </c>
      <c r="AY43" s="193">
        <v>9.112261835120479E-2</v>
      </c>
      <c r="AZ43" s="89">
        <v>7.25309923304336E-2</v>
      </c>
      <c r="BA43" s="193">
        <v>0.34009283560432102</v>
      </c>
      <c r="BB43" s="89">
        <v>0.10931617051154015</v>
      </c>
      <c r="BC43" s="193">
        <v>0.39629676564814109</v>
      </c>
      <c r="BD43" s="89">
        <v>0.11247172432785091</v>
      </c>
    </row>
    <row r="44" spans="1:56">
      <c r="A44" s="44" t="s">
        <v>538</v>
      </c>
      <c r="B44" s="44">
        <v>65</v>
      </c>
      <c r="C44" s="175">
        <v>3.8328561003337733</v>
      </c>
      <c r="D44" s="127">
        <v>0.5027933451518567</v>
      </c>
      <c r="E44" s="194">
        <v>0.44360741091587585</v>
      </c>
      <c r="F44" s="92">
        <v>0.11970444247076245</v>
      </c>
      <c r="G44" s="194">
        <v>6.6390876990563452E-2</v>
      </c>
      <c r="H44" s="92">
        <v>6.9428444771557754E-2</v>
      </c>
      <c r="I44" s="194">
        <v>0.49000171209356014</v>
      </c>
      <c r="J44" s="92">
        <v>0.12036449197702806</v>
      </c>
      <c r="K44" s="194">
        <v>0</v>
      </c>
      <c r="L44" s="92">
        <v>4.0393246397800862E-2</v>
      </c>
      <c r="M44" s="44">
        <v>64</v>
      </c>
      <c r="N44" s="175">
        <v>2.6815379145322562</v>
      </c>
      <c r="O44" s="127">
        <v>0.51627158543211071</v>
      </c>
      <c r="P44" s="194">
        <v>0.5694320923041184</v>
      </c>
      <c r="Q44" s="92">
        <v>0.120227641505563</v>
      </c>
      <c r="R44" s="194">
        <v>6.7585579258557307E-2</v>
      </c>
      <c r="S44" s="92">
        <v>7.0447594604880703E-2</v>
      </c>
      <c r="T44" s="194">
        <v>0.17369912852369621</v>
      </c>
      <c r="U44" s="92">
        <v>9.5697277986698789E-2</v>
      </c>
      <c r="V44" s="194">
        <v>0.18928319991362752</v>
      </c>
      <c r="W44" s="92">
        <v>9.8362843201236019E-2</v>
      </c>
      <c r="X44" s="44">
        <v>65</v>
      </c>
      <c r="Y44" s="175">
        <v>2.7076319546199135</v>
      </c>
      <c r="Z44" s="127">
        <v>0.44470673264135679</v>
      </c>
      <c r="AA44" s="194">
        <v>0.67975824696969467</v>
      </c>
      <c r="AB44" s="92">
        <v>0.11327146261633621</v>
      </c>
      <c r="AC44" s="194">
        <v>7.5016284114695658E-2</v>
      </c>
      <c r="AD44" s="92">
        <v>7.211998722729826E-2</v>
      </c>
      <c r="AE44" s="194">
        <v>0.20630216670999332</v>
      </c>
      <c r="AF44" s="92">
        <v>0.10027575755040118</v>
      </c>
      <c r="AG44" s="194">
        <v>3.8923302205615871E-2</v>
      </c>
      <c r="AH44" s="92">
        <v>5.9632765203543207E-2</v>
      </c>
      <c r="AI44" s="44">
        <v>64</v>
      </c>
      <c r="AJ44" s="175">
        <v>4.6899174502755816</v>
      </c>
      <c r="AK44" s="127">
        <v>0.46481311247328738</v>
      </c>
      <c r="AL44" s="194">
        <v>0.25385377236698742</v>
      </c>
      <c r="AM44" s="92">
        <v>0.10746555771360429</v>
      </c>
      <c r="AN44" s="194">
        <v>7.5963672597820664E-2</v>
      </c>
      <c r="AO44" s="92">
        <v>7.3053069410885352E-2</v>
      </c>
      <c r="AP44" s="194">
        <v>0.53179416267745583</v>
      </c>
      <c r="AQ44" s="92">
        <v>0.12105044139255638</v>
      </c>
      <c r="AR44" s="194">
        <v>0.13838839235773553</v>
      </c>
      <c r="AS44" s="92">
        <v>8.8838404281543493E-2</v>
      </c>
      <c r="AT44" s="44">
        <v>50</v>
      </c>
      <c r="AU44" s="175">
        <v>4.1556203274438621</v>
      </c>
      <c r="AV44" s="127">
        <v>0.64361876206889479</v>
      </c>
      <c r="AW44" s="194">
        <v>0.22522611298966802</v>
      </c>
      <c r="AX44" s="92">
        <v>0.11714831636783346</v>
      </c>
      <c r="AY44" s="194">
        <v>0.15192148141925402</v>
      </c>
      <c r="AZ44" s="92">
        <v>0.10403915985302806</v>
      </c>
      <c r="BA44" s="194">
        <v>0.2662737113297125</v>
      </c>
      <c r="BB44" s="92">
        <v>0.1226755171241492</v>
      </c>
      <c r="BC44" s="194">
        <v>0.35657869426136513</v>
      </c>
      <c r="BD44" s="92">
        <v>0.13119530891074191</v>
      </c>
    </row>
    <row r="45" spans="1:56">
      <c r="A45" s="40" t="s">
        <v>539</v>
      </c>
      <c r="B45" s="48">
        <v>64</v>
      </c>
      <c r="C45" s="79">
        <v>5.0415797849498434</v>
      </c>
      <c r="D45" s="80">
        <v>0.44729693937174003</v>
      </c>
      <c r="E45" s="193">
        <v>0.16180946459483736</v>
      </c>
      <c r="F45" s="89">
        <v>9.3521635126599514E-2</v>
      </c>
      <c r="G45" s="193">
        <v>0.18597707370027891</v>
      </c>
      <c r="H45" s="89">
        <v>9.781423348550454E-2</v>
      </c>
      <c r="I45" s="193">
        <v>0.63322065006293948</v>
      </c>
      <c r="J45" s="89">
        <v>0.11739295928546595</v>
      </c>
      <c r="K45" s="193">
        <v>1.8992811641944406E-2</v>
      </c>
      <c r="L45" s="89">
        <v>5.147886971529201E-2</v>
      </c>
      <c r="M45" s="48">
        <v>64</v>
      </c>
      <c r="N45" s="79">
        <v>3.8800628372356485</v>
      </c>
      <c r="O45" s="80">
        <v>0.52379617071717743</v>
      </c>
      <c r="P45" s="193">
        <v>0.37377721219011539</v>
      </c>
      <c r="Q45" s="89">
        <v>0.11779519981566869</v>
      </c>
      <c r="R45" s="193">
        <v>0.17655692437310366</v>
      </c>
      <c r="S45" s="89">
        <v>9.6201468311230179E-2</v>
      </c>
      <c r="T45" s="193">
        <v>0.28829311846801614</v>
      </c>
      <c r="U45" s="89">
        <v>0.11122262480560789</v>
      </c>
      <c r="V45" s="193">
        <v>0.16137274496876458</v>
      </c>
      <c r="W45" s="89">
        <v>9.3439256052404718E-2</v>
      </c>
      <c r="X45" s="48">
        <v>64</v>
      </c>
      <c r="Y45" s="79">
        <v>4.0624934947764189</v>
      </c>
      <c r="Z45" s="80">
        <v>0.48432442974281031</v>
      </c>
      <c r="AA45" s="193">
        <v>0.38557709971454529</v>
      </c>
      <c r="AB45" s="89">
        <v>0.11842158057275991</v>
      </c>
      <c r="AC45" s="193">
        <v>9.0002040234818725E-2</v>
      </c>
      <c r="AD45" s="89">
        <v>7.711576158557451E-2</v>
      </c>
      <c r="AE45" s="193">
        <v>0.43413433735811174</v>
      </c>
      <c r="AF45" s="89">
        <v>0.12033216030134024</v>
      </c>
      <c r="AG45" s="193">
        <v>9.0286522692524115E-2</v>
      </c>
      <c r="AH45" s="89">
        <v>7.7194505112912537E-2</v>
      </c>
      <c r="AI45" s="48">
        <v>64</v>
      </c>
      <c r="AJ45" s="79">
        <v>5.3298908453655089</v>
      </c>
      <c r="AK45" s="80">
        <v>0.31069932736032863</v>
      </c>
      <c r="AL45" s="193">
        <v>6.452520502163403E-2</v>
      </c>
      <c r="AM45" s="89">
        <v>6.9458367957752468E-2</v>
      </c>
      <c r="AN45" s="193">
        <v>0.15855764868943728</v>
      </c>
      <c r="AO45" s="89">
        <v>9.2903920204852525E-2</v>
      </c>
      <c r="AP45" s="193">
        <v>0.65722380070083031</v>
      </c>
      <c r="AQ45" s="89">
        <v>0.11583540508449061</v>
      </c>
      <c r="AR45" s="193">
        <v>0.11969334558809858</v>
      </c>
      <c r="AS45" s="89">
        <v>8.4673092033934708E-2</v>
      </c>
      <c r="AT45" s="48">
        <v>58</v>
      </c>
      <c r="AU45" s="79">
        <v>4.5927655753800485</v>
      </c>
      <c r="AV45" s="80">
        <v>0.43477708209047894</v>
      </c>
      <c r="AW45" s="193">
        <v>0.12894780914611118</v>
      </c>
      <c r="AX45" s="89">
        <v>9.1409157906185728E-2</v>
      </c>
      <c r="AY45" s="193">
        <v>0.18938430964914155</v>
      </c>
      <c r="AZ45" s="89">
        <v>0.103352078054743</v>
      </c>
      <c r="BA45" s="193">
        <v>0.35475953452820647</v>
      </c>
      <c r="BB45" s="89">
        <v>0.12222119356663462</v>
      </c>
      <c r="BC45" s="193">
        <v>0.3269083466765404</v>
      </c>
      <c r="BD45" s="89">
        <v>0.12015593968109062</v>
      </c>
    </row>
    <row r="46" spans="1:56">
      <c r="A46" s="44" t="s">
        <v>540</v>
      </c>
      <c r="B46" s="44">
        <v>76</v>
      </c>
      <c r="C46" s="175">
        <v>4.8885374212262471</v>
      </c>
      <c r="D46" s="127">
        <v>0.35867462498936969</v>
      </c>
      <c r="E46" s="194">
        <v>0.16264834629483318</v>
      </c>
      <c r="F46" s="92">
        <v>8.581665346030054E-2</v>
      </c>
      <c r="G46" s="194">
        <v>0.15613891944811339</v>
      </c>
      <c r="H46" s="92">
        <v>8.4642778914306757E-2</v>
      </c>
      <c r="I46" s="194">
        <v>0.68121273425705298</v>
      </c>
      <c r="J46" s="92">
        <v>0.10496753195896628</v>
      </c>
      <c r="K46" s="194">
        <v>0</v>
      </c>
      <c r="L46" s="92">
        <v>3.4910600109422353E-2</v>
      </c>
      <c r="M46" s="44">
        <v>77</v>
      </c>
      <c r="N46" s="175">
        <v>3.6875579264433611</v>
      </c>
      <c r="O46" s="127">
        <v>0.55063577233084915</v>
      </c>
      <c r="P46" s="194">
        <v>0.45616150748406253</v>
      </c>
      <c r="Q46" s="92">
        <v>0.11072450712298711</v>
      </c>
      <c r="R46" s="194">
        <v>2.5292977063685437E-2</v>
      </c>
      <c r="S46" s="92">
        <v>4.7847581977654034E-2</v>
      </c>
      <c r="T46" s="194">
        <v>0.320118690232438</v>
      </c>
      <c r="U46" s="92">
        <v>0.10441124472586601</v>
      </c>
      <c r="V46" s="194">
        <v>0.19842682521981328</v>
      </c>
      <c r="W46" s="92">
        <v>9.1033623449653669E-2</v>
      </c>
      <c r="X46" s="44">
        <v>77</v>
      </c>
      <c r="Y46" s="175">
        <v>3.723544752186676</v>
      </c>
      <c r="Z46" s="127">
        <v>0.43324993623355196</v>
      </c>
      <c r="AA46" s="194">
        <v>0.5085828015210585</v>
      </c>
      <c r="AB46" s="92">
        <v>0.11109631709964118</v>
      </c>
      <c r="AC46" s="194">
        <v>5.1761498057485159E-2</v>
      </c>
      <c r="AD46" s="92">
        <v>5.8133947335539261E-2</v>
      </c>
      <c r="AE46" s="194">
        <v>0.37138723107238419</v>
      </c>
      <c r="AF46" s="92">
        <v>0.10773816464766664</v>
      </c>
      <c r="AG46" s="194">
        <v>6.8268469349071437E-2</v>
      </c>
      <c r="AH46" s="92">
        <v>6.3464751586763207E-2</v>
      </c>
      <c r="AI46" s="44">
        <v>76</v>
      </c>
      <c r="AJ46" s="175">
        <v>5.6248961574464245</v>
      </c>
      <c r="AK46" s="127">
        <v>0.33203478822514371</v>
      </c>
      <c r="AL46" s="194">
        <v>5.7791122258026038E-2</v>
      </c>
      <c r="AM46" s="92">
        <v>6.0628914666469573E-2</v>
      </c>
      <c r="AN46" s="194">
        <v>0.14879900263495632</v>
      </c>
      <c r="AO46" s="92">
        <v>8.3271759364577869E-2</v>
      </c>
      <c r="AP46" s="194">
        <v>0.64176376663708457</v>
      </c>
      <c r="AQ46" s="92">
        <v>0.10767137238099822</v>
      </c>
      <c r="AR46" s="194">
        <v>0.15164610846993251</v>
      </c>
      <c r="AS46" s="92">
        <v>8.3809675320308877E-2</v>
      </c>
      <c r="AT46" s="44">
        <v>55</v>
      </c>
      <c r="AU46" s="175">
        <v>4.9692088264266321</v>
      </c>
      <c r="AV46" s="127">
        <v>0.55267512915554362</v>
      </c>
      <c r="AW46" s="194">
        <v>8.2177892280735423E-2</v>
      </c>
      <c r="AX46" s="92">
        <v>8.1633119207623228E-2</v>
      </c>
      <c r="AY46" s="194">
        <v>0.23212490760878335</v>
      </c>
      <c r="AZ46" s="92">
        <v>0.11278985519185332</v>
      </c>
      <c r="BA46" s="194">
        <v>0.37913440789565994</v>
      </c>
      <c r="BB46" s="92">
        <v>0.12684039747056386</v>
      </c>
      <c r="BC46" s="194">
        <v>0.3065627922148208</v>
      </c>
      <c r="BD46" s="92">
        <v>0.12142757632033695</v>
      </c>
    </row>
    <row r="47" spans="1:56">
      <c r="A47" s="40" t="s">
        <v>541</v>
      </c>
      <c r="B47" s="191">
        <v>77</v>
      </c>
      <c r="C47" s="79">
        <v>4.2532431696389779</v>
      </c>
      <c r="D47" s="80">
        <v>0.43404527679189203</v>
      </c>
      <c r="E47" s="193">
        <v>0.40926770072274221</v>
      </c>
      <c r="F47" s="89">
        <v>0.10944543612487696</v>
      </c>
      <c r="G47" s="193">
        <v>3.507129325440108E-2</v>
      </c>
      <c r="H47" s="89">
        <v>5.1955902143537028E-2</v>
      </c>
      <c r="I47" s="193">
        <v>0.55566100602285784</v>
      </c>
      <c r="J47" s="89">
        <v>0.11048720097671212</v>
      </c>
      <c r="K47" s="193">
        <v>0</v>
      </c>
      <c r="L47" s="89">
        <v>3.4485061975244265E-2</v>
      </c>
      <c r="M47" s="191">
        <v>77</v>
      </c>
      <c r="N47" s="79">
        <v>2.6969928247283024</v>
      </c>
      <c r="O47" s="80">
        <v>0.49154705165058571</v>
      </c>
      <c r="P47" s="193">
        <v>0.57379743258345295</v>
      </c>
      <c r="Q47" s="89">
        <v>0.11001201740557867</v>
      </c>
      <c r="R47" s="193">
        <v>1.8849947687629987E-2</v>
      </c>
      <c r="S47" s="89">
        <v>4.4883824880409193E-2</v>
      </c>
      <c r="T47" s="193">
        <v>0.18970951916839024</v>
      </c>
      <c r="U47" s="89">
        <v>8.9716749722415973E-2</v>
      </c>
      <c r="V47" s="193">
        <v>0.21764310056052771</v>
      </c>
      <c r="W47" s="89">
        <v>9.3743615198997488E-2</v>
      </c>
      <c r="X47" s="191">
        <v>77</v>
      </c>
      <c r="Y47" s="79">
        <v>3.0795887438261365</v>
      </c>
      <c r="Z47" s="80">
        <v>0.4489907487632559</v>
      </c>
      <c r="AA47" s="193">
        <v>0.63294797629016264</v>
      </c>
      <c r="AB47" s="89">
        <v>0.10750306966924644</v>
      </c>
      <c r="AC47" s="193">
        <v>8.8844890383837583E-2</v>
      </c>
      <c r="AD47" s="89">
        <v>6.9294638682643031E-2</v>
      </c>
      <c r="AE47" s="193">
        <v>0.27820713332600083</v>
      </c>
      <c r="AF47" s="89">
        <v>0.10074939904734043</v>
      </c>
      <c r="AG47" s="193">
        <v>0</v>
      </c>
      <c r="AH47" s="89">
        <v>3.4485061975244265E-2</v>
      </c>
      <c r="AI47" s="191">
        <v>77</v>
      </c>
      <c r="AJ47" s="79">
        <v>5.7460068720908657</v>
      </c>
      <c r="AK47" s="80">
        <v>0.28248844627227837</v>
      </c>
      <c r="AL47" s="193">
        <v>4.1962045731090469E-2</v>
      </c>
      <c r="AM47" s="89">
        <v>5.4618981940242381E-2</v>
      </c>
      <c r="AN47" s="193">
        <v>9.3380684488617055E-2</v>
      </c>
      <c r="AO47" s="89">
        <v>7.0478901994102047E-2</v>
      </c>
      <c r="AP47" s="193">
        <v>0.7648232489044553</v>
      </c>
      <c r="AQ47" s="89">
        <v>9.6000044811820145E-2</v>
      </c>
      <c r="AR47" s="193">
        <v>9.9834020875838259E-2</v>
      </c>
      <c r="AS47" s="89">
        <v>7.2108377659406586E-2</v>
      </c>
      <c r="AT47" s="191">
        <v>58</v>
      </c>
      <c r="AU47" s="79">
        <v>4.9163679460645549</v>
      </c>
      <c r="AV47" s="80">
        <v>0.51947736467346084</v>
      </c>
      <c r="AW47" s="193">
        <v>0.1301729993817638</v>
      </c>
      <c r="AX47" s="89">
        <v>9.1689061010067671E-2</v>
      </c>
      <c r="AY47" s="193">
        <v>0.11495371991285488</v>
      </c>
      <c r="AZ47" s="89">
        <v>8.8080848943651702E-2</v>
      </c>
      <c r="BA47" s="193">
        <v>0.4385451059491785</v>
      </c>
      <c r="BB47" s="89">
        <v>0.12615783579436629</v>
      </c>
      <c r="BC47" s="193">
        <v>0.31632817475620223</v>
      </c>
      <c r="BD47" s="89">
        <v>0.11926581588057857</v>
      </c>
    </row>
    <row r="48" spans="1:56">
      <c r="A48" s="44" t="s">
        <v>542</v>
      </c>
      <c r="B48" s="192">
        <v>610</v>
      </c>
      <c r="C48" s="175">
        <v>5.100479117344265</v>
      </c>
      <c r="D48" s="127">
        <v>0.14323813701807092</v>
      </c>
      <c r="E48" s="194">
        <v>0.22972671585727514</v>
      </c>
      <c r="F48" s="92">
        <v>3.4043564021074467E-2</v>
      </c>
      <c r="G48" s="194">
        <v>9.7968498807245286E-2</v>
      </c>
      <c r="H48" s="92">
        <v>2.4277136595804265E-2</v>
      </c>
      <c r="I48" s="194">
        <v>0.66356966975888587</v>
      </c>
      <c r="J48" s="92">
        <v>3.816579871977753E-2</v>
      </c>
      <c r="K48" s="194">
        <v>8.7351155765869066E-3</v>
      </c>
      <c r="L48" s="92">
        <v>8.7651520562857799E-3</v>
      </c>
      <c r="M48" s="192">
        <v>609</v>
      </c>
      <c r="N48" s="175">
        <v>3.7083786200488222</v>
      </c>
      <c r="O48" s="127">
        <v>0.17787224606019414</v>
      </c>
      <c r="P48" s="194">
        <v>0.40746873508464998</v>
      </c>
      <c r="Q48" s="92">
        <v>3.9701113342112869E-2</v>
      </c>
      <c r="R48" s="194">
        <v>9.3800156233311741E-2</v>
      </c>
      <c r="S48" s="92">
        <v>2.3846707782853582E-2</v>
      </c>
      <c r="T48" s="194">
        <v>0.3280073940236708</v>
      </c>
      <c r="U48" s="92">
        <v>3.7957934889311186E-2</v>
      </c>
      <c r="V48" s="194">
        <v>0.17072371465836267</v>
      </c>
      <c r="W48" s="92">
        <v>3.0545608583464903E-2</v>
      </c>
      <c r="X48" s="192">
        <v>609</v>
      </c>
      <c r="Y48" s="175">
        <v>3.8966008462201462</v>
      </c>
      <c r="Z48" s="127">
        <v>0.16399603439025218</v>
      </c>
      <c r="AA48" s="194">
        <v>0.41679997129928287</v>
      </c>
      <c r="AB48" s="92">
        <v>3.9833896533709362E-2</v>
      </c>
      <c r="AC48" s="194">
        <v>0.13442887493320027</v>
      </c>
      <c r="AD48" s="92">
        <v>2.7759885119906434E-2</v>
      </c>
      <c r="AE48" s="194">
        <v>0.39893943854585523</v>
      </c>
      <c r="AF48" s="92">
        <v>3.9566955796481312E-2</v>
      </c>
      <c r="AG48" s="194">
        <v>4.9831715221655769E-2</v>
      </c>
      <c r="AH48" s="92">
        <v>1.8060005869828762E-2</v>
      </c>
      <c r="AI48" s="192">
        <v>608</v>
      </c>
      <c r="AJ48" s="175">
        <v>5.4191425057652625</v>
      </c>
      <c r="AK48" s="127">
        <v>0.12886987686981943</v>
      </c>
      <c r="AL48" s="194">
        <v>9.5125428843524151E-2</v>
      </c>
      <c r="AM48" s="92">
        <v>2.4011485382574898E-2</v>
      </c>
      <c r="AN48" s="194">
        <v>9.3297364215819953E-2</v>
      </c>
      <c r="AO48" s="92">
        <v>2.3811361535077655E-2</v>
      </c>
      <c r="AP48" s="194">
        <v>0.67430669108870334</v>
      </c>
      <c r="AQ48" s="92">
        <v>3.7920887772701022E-2</v>
      </c>
      <c r="AR48" s="194">
        <v>0.13727051585194594</v>
      </c>
      <c r="AS48" s="92">
        <v>2.802212069992694E-2</v>
      </c>
      <c r="AT48" s="192">
        <v>477</v>
      </c>
      <c r="AU48" s="175">
        <v>4.9308875330605559</v>
      </c>
      <c r="AV48" s="127">
        <v>0.18035088586019948</v>
      </c>
      <c r="AW48" s="194">
        <v>0.11290652214676405</v>
      </c>
      <c r="AX48" s="92">
        <v>2.9215727968372043E-2</v>
      </c>
      <c r="AY48" s="194">
        <v>8.5476372227245273E-2</v>
      </c>
      <c r="AZ48" s="92">
        <v>2.5956329177087796E-2</v>
      </c>
      <c r="BA48" s="194">
        <v>0.41059374627042944</v>
      </c>
      <c r="BB48" s="92">
        <v>4.4873480415166235E-2</v>
      </c>
      <c r="BC48" s="194">
        <v>0.39102335935555821</v>
      </c>
      <c r="BD48" s="92">
        <v>4.4518284762823469E-2</v>
      </c>
    </row>
    <row r="49" spans="1:56">
      <c r="A49" s="40" t="s">
        <v>543</v>
      </c>
      <c r="B49" s="49">
        <v>59</v>
      </c>
      <c r="C49" s="79">
        <v>5.1422043170954082</v>
      </c>
      <c r="D49" s="80">
        <v>0.44415806989060269</v>
      </c>
      <c r="E49" s="193">
        <v>0.17023838744201542</v>
      </c>
      <c r="F49" s="89">
        <v>9.908390228576093E-2</v>
      </c>
      <c r="G49" s="193">
        <v>0.18492700401915216</v>
      </c>
      <c r="H49" s="89">
        <v>0.1017106578207355</v>
      </c>
      <c r="I49" s="193">
        <v>0.6448346085388329</v>
      </c>
      <c r="J49" s="89">
        <v>0.12126374945657835</v>
      </c>
      <c r="K49" s="193">
        <v>0</v>
      </c>
      <c r="L49" s="89">
        <v>4.4177291598495712E-2</v>
      </c>
      <c r="M49" s="49">
        <v>59</v>
      </c>
      <c r="N49" s="79">
        <v>4.1119389911864745</v>
      </c>
      <c r="O49" s="80">
        <v>0.53174355906821702</v>
      </c>
      <c r="P49" s="193">
        <v>0.32209384064918295</v>
      </c>
      <c r="Q49" s="89">
        <v>0.11878777427104821</v>
      </c>
      <c r="R49" s="193">
        <v>0.22419932302296697</v>
      </c>
      <c r="S49" s="89">
        <v>0.10787603772606615</v>
      </c>
      <c r="T49" s="193">
        <v>0.33862889019972103</v>
      </c>
      <c r="U49" s="89">
        <v>0.12009550065669311</v>
      </c>
      <c r="V49" s="193">
        <v>0.11507794612812977</v>
      </c>
      <c r="W49" s="89">
        <v>8.7306184474511314E-2</v>
      </c>
      <c r="X49" s="49">
        <v>58</v>
      </c>
      <c r="Y49" s="79">
        <v>3.8735327150612338</v>
      </c>
      <c r="Z49" s="80">
        <v>0.54119145729551932</v>
      </c>
      <c r="AA49" s="193">
        <v>0.41581715263936109</v>
      </c>
      <c r="AB49" s="89">
        <v>0.12541496808081565</v>
      </c>
      <c r="AC49" s="193">
        <v>0.16373212937740861</v>
      </c>
      <c r="AD49" s="89">
        <v>9.8715531726112943E-2</v>
      </c>
      <c r="AE49" s="193">
        <v>0.38164396688819957</v>
      </c>
      <c r="AF49" s="89">
        <v>0.12384721236599822</v>
      </c>
      <c r="AG49" s="193">
        <v>3.8806751095031317E-2</v>
      </c>
      <c r="AH49" s="89">
        <v>6.4187488670387371E-2</v>
      </c>
      <c r="AI49" s="49">
        <v>58</v>
      </c>
      <c r="AJ49" s="79">
        <v>5.8963289041977678</v>
      </c>
      <c r="AK49" s="80">
        <v>0.40282336906722116</v>
      </c>
      <c r="AL49" s="193">
        <v>3.1924773852829109E-2</v>
      </c>
      <c r="AM49" s="89">
        <v>6.1310361488456942E-2</v>
      </c>
      <c r="AN49" s="193">
        <v>6.6171325014550406E-2</v>
      </c>
      <c r="AO49" s="89">
        <v>7.4181170989223263E-2</v>
      </c>
      <c r="AP49" s="193">
        <v>0.74845731230508827</v>
      </c>
      <c r="AQ49" s="89">
        <v>0.11244419804181667</v>
      </c>
      <c r="AR49" s="193">
        <v>0.15344658882753209</v>
      </c>
      <c r="AS49" s="89">
        <v>9.6686230097197234E-2</v>
      </c>
      <c r="AT49" s="49">
        <v>46</v>
      </c>
      <c r="AU49" s="79">
        <v>5.2942848595535033</v>
      </c>
      <c r="AV49" s="80">
        <v>0.49848359266877201</v>
      </c>
      <c r="AW49" s="193">
        <v>2.4478081536623647E-2</v>
      </c>
      <c r="AX49" s="89">
        <v>6.8475458519708654E-2</v>
      </c>
      <c r="AY49" s="193">
        <v>0.11516447819281007</v>
      </c>
      <c r="AZ49" s="89">
        <v>9.9859714458201909E-2</v>
      </c>
      <c r="BA49" s="193">
        <v>0.49561587356935233</v>
      </c>
      <c r="BB49" s="89">
        <v>0.14141675479635543</v>
      </c>
      <c r="BC49" s="193">
        <v>0.36474156670121421</v>
      </c>
      <c r="BD49" s="89">
        <v>0.13697160121015645</v>
      </c>
    </row>
    <row r="50" spans="1:56">
      <c r="A50" s="44" t="s">
        <v>550</v>
      </c>
      <c r="B50" s="192">
        <v>109</v>
      </c>
      <c r="C50" s="175">
        <v>5.2925865194906105</v>
      </c>
      <c r="D50" s="127">
        <v>0.33914695291617364</v>
      </c>
      <c r="E50" s="194">
        <v>0.17634394174477774</v>
      </c>
      <c r="F50" s="92">
        <v>7.3480273766386231E-2</v>
      </c>
      <c r="G50" s="194">
        <v>0.11886428006748374</v>
      </c>
      <c r="H50" s="92">
        <v>6.3757768790431157E-2</v>
      </c>
      <c r="I50" s="194">
        <v>0.69104770171272489</v>
      </c>
      <c r="J50" s="92">
        <v>8.74494153165674E-2</v>
      </c>
      <c r="K50" s="194">
        <v>1.3744076475013935E-2</v>
      </c>
      <c r="L50" s="92">
        <v>3.2586635936853889E-2</v>
      </c>
      <c r="M50" s="192">
        <v>109</v>
      </c>
      <c r="N50" s="175">
        <v>3.7212314428612903</v>
      </c>
      <c r="O50" s="127">
        <v>0.48206941776604095</v>
      </c>
      <c r="P50" s="194">
        <v>0.36426210154189215</v>
      </c>
      <c r="Q50" s="92">
        <v>9.0789369194435615E-2</v>
      </c>
      <c r="R50" s="194">
        <v>7.4527306131803264E-2</v>
      </c>
      <c r="S50" s="92">
        <v>5.3732284712641715E-2</v>
      </c>
      <c r="T50" s="194">
        <v>0.27679784974917881</v>
      </c>
      <c r="U50" s="92">
        <v>8.4903984904486238E-2</v>
      </c>
      <c r="V50" s="194">
        <v>0.28441274257712551</v>
      </c>
      <c r="W50" s="92">
        <v>8.554962631972475E-2</v>
      </c>
      <c r="X50" s="192">
        <v>108</v>
      </c>
      <c r="Y50" s="175">
        <v>3.6977028736662159</v>
      </c>
      <c r="Z50" s="127">
        <v>0.39984017425523116</v>
      </c>
      <c r="AA50" s="194">
        <v>0.42311983344856074</v>
      </c>
      <c r="AB50" s="92">
        <v>9.3446715884585377E-2</v>
      </c>
      <c r="AC50" s="194">
        <v>0.15518711003530464</v>
      </c>
      <c r="AD50" s="92">
        <v>7.0570376298793785E-2</v>
      </c>
      <c r="AE50" s="194">
        <v>0.3156595361854902</v>
      </c>
      <c r="AF50" s="92">
        <v>8.8318112747189911E-2</v>
      </c>
      <c r="AG50" s="194">
        <v>0.10603352033064399</v>
      </c>
      <c r="AH50" s="92">
        <v>6.1434878577588156E-2</v>
      </c>
      <c r="AI50" s="192">
        <v>107</v>
      </c>
      <c r="AJ50" s="175">
        <v>4.8007590991672995</v>
      </c>
      <c r="AK50" s="127">
        <v>0.38688427142238407</v>
      </c>
      <c r="AL50" s="194">
        <v>0.17778855308051497</v>
      </c>
      <c r="AM50" s="92">
        <v>7.4380928751868497E-2</v>
      </c>
      <c r="AN50" s="194">
        <v>0.10360556292318332</v>
      </c>
      <c r="AO50" s="92">
        <v>6.1216491897622807E-2</v>
      </c>
      <c r="AP50" s="194">
        <v>0.48226727333034325</v>
      </c>
      <c r="AQ50" s="92">
        <v>9.4860315532425701E-2</v>
      </c>
      <c r="AR50" s="194">
        <v>0.23633861066595852</v>
      </c>
      <c r="AS50" s="92">
        <v>8.1738465532835175E-2</v>
      </c>
      <c r="AT50" s="192">
        <v>94</v>
      </c>
      <c r="AU50" s="175">
        <v>4.9350394615974631</v>
      </c>
      <c r="AV50" s="127">
        <v>0.35883042262358777</v>
      </c>
      <c r="AW50" s="194">
        <v>9.4148448818635502E-2</v>
      </c>
      <c r="AX50" s="92">
        <v>6.3392611654122605E-2</v>
      </c>
      <c r="AY50" s="194">
        <v>0.10158231124708798</v>
      </c>
      <c r="AZ50" s="92">
        <v>6.5139407379714076E-2</v>
      </c>
      <c r="BA50" s="194">
        <v>0.39209971987888959</v>
      </c>
      <c r="BB50" s="92">
        <v>9.8827522247990587E-2</v>
      </c>
      <c r="BC50" s="194">
        <v>0.41216952005538632</v>
      </c>
      <c r="BD50" s="92">
        <v>9.9571056612669934E-2</v>
      </c>
    </row>
    <row r="51" spans="1:56">
      <c r="A51" s="52" t="s">
        <v>544</v>
      </c>
      <c r="B51" s="191">
        <v>121</v>
      </c>
      <c r="C51" s="79">
        <v>5.0280078985288812</v>
      </c>
      <c r="D51" s="80">
        <v>0.32374032400308267</v>
      </c>
      <c r="E51" s="193">
        <v>0.23376956330042467</v>
      </c>
      <c r="F51" s="89">
        <v>7.6646723744526218E-2</v>
      </c>
      <c r="G51" s="193">
        <v>7.6729534639789293E-2</v>
      </c>
      <c r="H51" s="89">
        <v>5.1263947639105613E-2</v>
      </c>
      <c r="I51" s="193">
        <v>0.6811547071197771</v>
      </c>
      <c r="J51" s="89">
        <v>8.3761500891636281E-2</v>
      </c>
      <c r="K51" s="193">
        <v>8.3461949400097362E-3</v>
      </c>
      <c r="L51" s="89">
        <v>2.7422217468780624E-2</v>
      </c>
      <c r="M51" s="191">
        <v>121</v>
      </c>
      <c r="N51" s="79">
        <v>3.9465431128621371</v>
      </c>
      <c r="O51" s="80">
        <v>0.38750704260417823</v>
      </c>
      <c r="P51" s="193">
        <v>0.36214068769593633</v>
      </c>
      <c r="Q51" s="89">
        <v>8.6198223806441807E-2</v>
      </c>
      <c r="R51" s="193">
        <v>0.10979634478251883</v>
      </c>
      <c r="S51" s="89">
        <v>5.860505465485686E-2</v>
      </c>
      <c r="T51" s="193">
        <v>0.40901721941365798</v>
      </c>
      <c r="U51" s="89">
        <v>8.8044250792222487E-2</v>
      </c>
      <c r="V51" s="193">
        <v>0.11904574810788671</v>
      </c>
      <c r="W51" s="89">
        <v>6.0402204432910236E-2</v>
      </c>
      <c r="X51" s="191">
        <v>121</v>
      </c>
      <c r="Y51" s="79">
        <v>3.942810094881064</v>
      </c>
      <c r="Z51" s="80">
        <v>0.35775404884996287</v>
      </c>
      <c r="AA51" s="193">
        <v>0.41491716133097639</v>
      </c>
      <c r="AB51" s="89">
        <v>8.822095886313476E-2</v>
      </c>
      <c r="AC51" s="193">
        <v>0.13997183983305847</v>
      </c>
      <c r="AD51" s="89">
        <v>6.4135529097762725E-2</v>
      </c>
      <c r="AE51" s="193">
        <v>0.40790014629852256</v>
      </c>
      <c r="AF51" s="89">
        <v>8.8009418314766968E-2</v>
      </c>
      <c r="AG51" s="193">
        <v>3.7210852537442399E-2</v>
      </c>
      <c r="AH51" s="89">
        <v>3.9724657896223002E-2</v>
      </c>
      <c r="AI51" s="191">
        <v>121</v>
      </c>
      <c r="AJ51" s="79">
        <v>5.2892581607797373</v>
      </c>
      <c r="AK51" s="80">
        <v>0.2805896205391763</v>
      </c>
      <c r="AL51" s="193">
        <v>9.4179002492121702E-2</v>
      </c>
      <c r="AM51" s="89">
        <v>5.5333426677911628E-2</v>
      </c>
      <c r="AN51" s="193">
        <v>9.8973805337321294E-2</v>
      </c>
      <c r="AO51" s="89">
        <v>5.6371884629390093E-2</v>
      </c>
      <c r="AP51" s="193">
        <v>0.72385959097223151</v>
      </c>
      <c r="AQ51" s="89">
        <v>8.0606264203735623E-2</v>
      </c>
      <c r="AR51" s="193">
        <v>8.2987601198326169E-2</v>
      </c>
      <c r="AS51" s="89">
        <v>5.2779433609395451E-2</v>
      </c>
      <c r="AT51" s="191">
        <v>86</v>
      </c>
      <c r="AU51" s="79">
        <v>4.9773587516652338</v>
      </c>
      <c r="AV51" s="80">
        <v>0.40504170070282136</v>
      </c>
      <c r="AW51" s="193">
        <v>0.12265271180529722</v>
      </c>
      <c r="AX51" s="89">
        <v>7.3025028769627631E-2</v>
      </c>
      <c r="AY51" s="193">
        <v>8.1759144321044225E-2</v>
      </c>
      <c r="AZ51" s="89">
        <v>6.3343150324120384E-2</v>
      </c>
      <c r="BA51" s="193">
        <v>0.46016684411105763</v>
      </c>
      <c r="BB51" s="89">
        <v>0.10510338270446105</v>
      </c>
      <c r="BC51" s="193">
        <v>0.33542129976260043</v>
      </c>
      <c r="BD51" s="89">
        <v>0.10005953907008365</v>
      </c>
    </row>
    <row r="52" spans="1:56">
      <c r="A52" s="44" t="s">
        <v>545</v>
      </c>
      <c r="B52" s="192">
        <v>155</v>
      </c>
      <c r="C52" s="175">
        <v>5.2421047535463243</v>
      </c>
      <c r="D52" s="127">
        <v>0.29012431282268203</v>
      </c>
      <c r="E52" s="194">
        <v>0.23587413649428335</v>
      </c>
      <c r="F52" s="92">
        <v>6.7981395528123198E-2</v>
      </c>
      <c r="G52" s="194">
        <v>4.5296279524717112E-2</v>
      </c>
      <c r="H52" s="92">
        <v>3.6692317494078565E-2</v>
      </c>
      <c r="I52" s="194">
        <v>0.70272425215712953</v>
      </c>
      <c r="J52" s="92">
        <v>7.28476738509264E-2</v>
      </c>
      <c r="K52" s="194">
        <v>1.6105331823870625E-2</v>
      </c>
      <c r="L52" s="92">
        <v>2.6292545300475617E-2</v>
      </c>
      <c r="M52" s="192">
        <v>154</v>
      </c>
      <c r="N52" s="175">
        <v>3.9752364066147425</v>
      </c>
      <c r="O52" s="127">
        <v>0.3630755830541334</v>
      </c>
      <c r="P52" s="194">
        <v>0.40083992924384632</v>
      </c>
      <c r="Q52" s="92">
        <v>7.8055293217970043E-2</v>
      </c>
      <c r="R52" s="194">
        <v>3.2160912313765742E-2</v>
      </c>
      <c r="S52" s="92">
        <v>3.2634727608001075E-2</v>
      </c>
      <c r="T52" s="194">
        <v>0.41163990607410578</v>
      </c>
      <c r="U52" s="92">
        <v>7.8366682174042995E-2</v>
      </c>
      <c r="V52" s="194">
        <v>0.1553592523682823</v>
      </c>
      <c r="W52" s="92">
        <v>5.8927259542723383E-2</v>
      </c>
      <c r="X52" s="192">
        <v>155</v>
      </c>
      <c r="Y52" s="175">
        <v>4.4411655332907776</v>
      </c>
      <c r="Z52" s="127">
        <v>0.31587870831748516</v>
      </c>
      <c r="AA52" s="194">
        <v>0.32384855514568245</v>
      </c>
      <c r="AB52" s="92">
        <v>7.4481394352709659E-2</v>
      </c>
      <c r="AC52" s="194">
        <v>8.6032428812425246E-2</v>
      </c>
      <c r="AD52" s="92">
        <v>4.6822222315680492E-2</v>
      </c>
      <c r="AE52" s="194">
        <v>0.53585506778387437</v>
      </c>
      <c r="AF52" s="92">
        <v>7.9111144497305858E-2</v>
      </c>
      <c r="AG52" s="194">
        <v>5.4263948258018301E-2</v>
      </c>
      <c r="AH52" s="92">
        <v>3.9234864323471536E-2</v>
      </c>
      <c r="AI52" s="192">
        <v>155</v>
      </c>
      <c r="AJ52" s="175">
        <v>5.6600277875155154</v>
      </c>
      <c r="AK52" s="127">
        <v>0.22153757012174435</v>
      </c>
      <c r="AL52" s="194">
        <v>6.255393726040627E-2</v>
      </c>
      <c r="AM52" s="92">
        <v>4.1405484506297059E-2</v>
      </c>
      <c r="AN52" s="194">
        <v>8.6420262676442691E-2</v>
      </c>
      <c r="AO52" s="92">
        <v>4.6904089347619735E-2</v>
      </c>
      <c r="AP52" s="194">
        <v>0.72454103333810083</v>
      </c>
      <c r="AQ52" s="92">
        <v>7.1301680586994598E-2</v>
      </c>
      <c r="AR52" s="194">
        <v>0.12648476672505096</v>
      </c>
      <c r="AS52" s="92">
        <v>5.4349816828363325E-2</v>
      </c>
      <c r="AT52" s="192">
        <v>128</v>
      </c>
      <c r="AU52" s="175">
        <v>5.2121946111438548</v>
      </c>
      <c r="AV52" s="127">
        <v>0.33200279377207625</v>
      </c>
      <c r="AW52" s="194">
        <v>8.3465576789431228E-2</v>
      </c>
      <c r="AX52" s="92">
        <v>5.1302714374531773E-2</v>
      </c>
      <c r="AY52" s="194">
        <v>5.7101840135433173E-2</v>
      </c>
      <c r="AZ52" s="92">
        <v>4.4568470802880025E-2</v>
      </c>
      <c r="BA52" s="194">
        <v>0.41439207109321424</v>
      </c>
      <c r="BB52" s="92">
        <v>8.5830826813057204E-2</v>
      </c>
      <c r="BC52" s="194">
        <v>0.44504051198192118</v>
      </c>
      <c r="BD52" s="92">
        <v>8.6542990602944986E-2</v>
      </c>
    </row>
    <row r="53" spans="1:56">
      <c r="A53" s="52" t="s">
        <v>546</v>
      </c>
      <c r="B53" s="191">
        <v>72</v>
      </c>
      <c r="C53" s="79">
        <v>4.9281823249115737</v>
      </c>
      <c r="D53" s="80">
        <v>0.40566630318429281</v>
      </c>
      <c r="E53" s="193">
        <v>0.2654124942739618</v>
      </c>
      <c r="F53" s="89">
        <v>0.10275392913039452</v>
      </c>
      <c r="G53" s="193">
        <v>0.1140111524335084</v>
      </c>
      <c r="H53" s="89">
        <v>7.8231365800878E-2</v>
      </c>
      <c r="I53" s="193">
        <v>0.62057635329252903</v>
      </c>
      <c r="J53" s="89">
        <v>0.11167421006594914</v>
      </c>
      <c r="K53" s="193">
        <v>0</v>
      </c>
      <c r="L53" s="89">
        <v>3.6723195522334773E-2</v>
      </c>
      <c r="M53" s="191">
        <v>71</v>
      </c>
      <c r="N53" s="79">
        <v>2.942619883491294</v>
      </c>
      <c r="O53" s="80">
        <v>0.45598671801451596</v>
      </c>
      <c r="P53" s="193">
        <v>0.54679176666036433</v>
      </c>
      <c r="Q53" s="89">
        <v>0.11501602118063874</v>
      </c>
      <c r="R53" s="193">
        <v>0.12483997815950469</v>
      </c>
      <c r="S53" s="89">
        <v>8.1278917656352312E-2</v>
      </c>
      <c r="T53" s="193">
        <v>0.21049218044041459</v>
      </c>
      <c r="U53" s="89">
        <v>9.6577998565003598E-2</v>
      </c>
      <c r="V53" s="193">
        <v>0.11787607473971574</v>
      </c>
      <c r="W53" s="89">
        <v>7.9713249778557926E-2</v>
      </c>
      <c r="X53" s="191">
        <v>72</v>
      </c>
      <c r="Y53" s="79">
        <v>3.5435363712788046</v>
      </c>
      <c r="Z53" s="80">
        <v>0.46119942297925465</v>
      </c>
      <c r="AA53" s="193">
        <v>0.46823651623310175</v>
      </c>
      <c r="AB53" s="89">
        <v>0.11449993985274691</v>
      </c>
      <c r="AC53" s="193">
        <v>0.17042926502655728</v>
      </c>
      <c r="AD53" s="89">
        <v>8.9594292453067381E-2</v>
      </c>
      <c r="AE53" s="193">
        <v>0.3400502534216428</v>
      </c>
      <c r="AF53" s="89">
        <v>0.10931322772131094</v>
      </c>
      <c r="AG53" s="193">
        <v>2.1283965318697536E-2</v>
      </c>
      <c r="AH53" s="89">
        <v>4.8296887709760622E-2</v>
      </c>
      <c r="AI53" s="191">
        <v>72</v>
      </c>
      <c r="AJ53" s="79">
        <v>5.3515407738307976</v>
      </c>
      <c r="AK53" s="80">
        <v>0.38770992961097411</v>
      </c>
      <c r="AL53" s="193">
        <v>0.11737497813463102</v>
      </c>
      <c r="AM53" s="89">
        <v>7.9008085623209157E-2</v>
      </c>
      <c r="AN53" s="193">
        <v>8.239640344764472E-2</v>
      </c>
      <c r="AO53" s="89">
        <v>7.0143194416248361E-2</v>
      </c>
      <c r="AP53" s="193">
        <v>0.65671977684113159</v>
      </c>
      <c r="AQ53" s="89">
        <v>0.10953400169586176</v>
      </c>
      <c r="AR53" s="193">
        <v>0.14350884157659188</v>
      </c>
      <c r="AS53" s="89">
        <v>8.4585516782487449E-2</v>
      </c>
      <c r="AT53" s="191">
        <v>63</v>
      </c>
      <c r="AU53" s="79">
        <v>4.2436126436976167</v>
      </c>
      <c r="AV53" s="80">
        <v>0.60313845839906444</v>
      </c>
      <c r="AW53" s="193">
        <v>0.2181692774557065</v>
      </c>
      <c r="AX53" s="89">
        <v>0.10359863592117347</v>
      </c>
      <c r="AY53" s="193">
        <v>8.5896228048441325E-2</v>
      </c>
      <c r="AZ53" s="89">
        <v>7.6639225858772558E-2</v>
      </c>
      <c r="BA53" s="193">
        <v>0.29522348660235659</v>
      </c>
      <c r="BB53" s="89">
        <v>0.11274700066913466</v>
      </c>
      <c r="BC53" s="193">
        <v>0.40071100789349556</v>
      </c>
      <c r="BD53" s="89">
        <v>0.12002081146074445</v>
      </c>
    </row>
    <row r="54" spans="1:56">
      <c r="A54" s="44" t="s">
        <v>547</v>
      </c>
      <c r="B54" s="192">
        <v>94</v>
      </c>
      <c r="C54" s="175">
        <v>4.7332384800869587</v>
      </c>
      <c r="D54" s="127">
        <v>0.3657813497880163</v>
      </c>
      <c r="E54" s="194">
        <v>0.31014706367152456</v>
      </c>
      <c r="F54" s="92">
        <v>9.4077300519896212E-2</v>
      </c>
      <c r="G54" s="194">
        <v>0.13645036536493785</v>
      </c>
      <c r="H54" s="92">
        <v>7.2393687380637603E-2</v>
      </c>
      <c r="I54" s="194">
        <v>0.55340257096353629</v>
      </c>
      <c r="J54" s="92">
        <v>0.10048377210027806</v>
      </c>
      <c r="K54" s="194">
        <v>0</v>
      </c>
      <c r="L54" s="92">
        <v>2.8565478049949598E-2</v>
      </c>
      <c r="M54" s="192">
        <v>95</v>
      </c>
      <c r="N54" s="175">
        <v>3.1485105043375907</v>
      </c>
      <c r="O54" s="127">
        <v>0.43365787582673732</v>
      </c>
      <c r="P54" s="194">
        <v>0.49610730593581598</v>
      </c>
      <c r="Q54" s="92">
        <v>0.1005009767651442</v>
      </c>
      <c r="R54" s="194">
        <v>0.10472745721943345</v>
      </c>
      <c r="S54" s="92">
        <v>6.5483452181182705E-2</v>
      </c>
      <c r="T54" s="194">
        <v>0.20065249933830995</v>
      </c>
      <c r="U54" s="92">
        <v>8.2262431459356022E-2</v>
      </c>
      <c r="V54" s="194">
        <v>0.1985127375064393</v>
      </c>
      <c r="W54" s="92">
        <v>8.1971185405683836E-2</v>
      </c>
      <c r="X54" s="192">
        <v>95</v>
      </c>
      <c r="Y54" s="175">
        <v>3.3565791352563132</v>
      </c>
      <c r="Z54" s="127">
        <v>0.41384848503029814</v>
      </c>
      <c r="AA54" s="194">
        <v>0.56334149496857455</v>
      </c>
      <c r="AB54" s="92">
        <v>9.9758398847212507E-2</v>
      </c>
      <c r="AC54" s="194">
        <v>0.13552302557272294</v>
      </c>
      <c r="AD54" s="92">
        <v>7.1823154139856751E-2</v>
      </c>
      <c r="AE54" s="194">
        <v>0.29639894480615869</v>
      </c>
      <c r="AF54" s="92">
        <v>9.2513434915889425E-2</v>
      </c>
      <c r="AG54" s="194">
        <v>4.7365346525424599E-3</v>
      </c>
      <c r="AH54" s="92">
        <v>3.1227258756087665E-2</v>
      </c>
      <c r="AI54" s="192">
        <v>95</v>
      </c>
      <c r="AJ54" s="175">
        <v>5.7695037818789796</v>
      </c>
      <c r="AK54" s="127">
        <v>0.27146400217010203</v>
      </c>
      <c r="AL54" s="194">
        <v>4.94329147756606E-2</v>
      </c>
      <c r="AM54" s="92">
        <v>5.0477635573547099E-2</v>
      </c>
      <c r="AN54" s="194">
        <v>0.11294745909180261</v>
      </c>
      <c r="AO54" s="92">
        <v>6.7285491611313947E-2</v>
      </c>
      <c r="AP54" s="194">
        <v>0.76813176303577446</v>
      </c>
      <c r="AQ54" s="92">
        <v>8.6175217016302333E-2</v>
      </c>
      <c r="AR54" s="194">
        <v>6.9487863096760583E-2</v>
      </c>
      <c r="AS54" s="92">
        <v>5.6616291354291165E-2</v>
      </c>
      <c r="AT54" s="192">
        <v>60</v>
      </c>
      <c r="AU54" s="175">
        <v>4.6723177859684144</v>
      </c>
      <c r="AV54" s="127">
        <v>0.58674403558974697</v>
      </c>
      <c r="AW54" s="194">
        <v>0.15552903408154767</v>
      </c>
      <c r="AX54" s="92">
        <v>9.542954464124323E-2</v>
      </c>
      <c r="AY54" s="194">
        <v>0.1078719711562727</v>
      </c>
      <c r="AZ54" s="92">
        <v>8.4725850437742209E-2</v>
      </c>
      <c r="BA54" s="194">
        <v>0.40326306090336117</v>
      </c>
      <c r="BB54" s="92">
        <v>0.12292659502008475</v>
      </c>
      <c r="BC54" s="194">
        <v>0.33333593385881843</v>
      </c>
      <c r="BD54" s="92">
        <v>0.11873992045821113</v>
      </c>
    </row>
    <row r="55" spans="1:56">
      <c r="A55" s="52" t="s">
        <v>551</v>
      </c>
      <c r="B55" s="191">
        <v>756</v>
      </c>
      <c r="C55" s="79">
        <v>5.6511226762287396</v>
      </c>
      <c r="D55" s="80">
        <v>0.10044005107460925</v>
      </c>
      <c r="E55" s="193">
        <v>7.6195268935575197E-2</v>
      </c>
      <c r="F55" s="89">
        <v>1.9503739302103119E-2</v>
      </c>
      <c r="G55" s="193">
        <v>9.6592099962175021E-2</v>
      </c>
      <c r="H55" s="89">
        <v>2.1639460676870618E-2</v>
      </c>
      <c r="I55" s="193">
        <v>0.80610407718398069</v>
      </c>
      <c r="J55" s="89">
        <v>2.8771697630893624E-2</v>
      </c>
      <c r="K55" s="193">
        <v>2.110855391826795E-2</v>
      </c>
      <c r="L55" s="89">
        <v>1.101929024085471E-2</v>
      </c>
      <c r="M55" s="191">
        <v>755</v>
      </c>
      <c r="N55" s="79">
        <v>4.9765650902514027</v>
      </c>
      <c r="O55" s="80">
        <v>0.12598174494687442</v>
      </c>
      <c r="P55" s="193">
        <v>0.14521349784672519</v>
      </c>
      <c r="Q55" s="89">
        <v>2.5712484615669218E-2</v>
      </c>
      <c r="R55" s="193">
        <v>0.14354116898368413</v>
      </c>
      <c r="S55" s="89">
        <v>2.5591586968436754E-2</v>
      </c>
      <c r="T55" s="193">
        <v>0.55274225955708001</v>
      </c>
      <c r="U55" s="89">
        <v>3.6097328315642378E-2</v>
      </c>
      <c r="V55" s="193">
        <v>0.15850307361251179</v>
      </c>
      <c r="W55" s="89">
        <v>2.6634282857196555E-2</v>
      </c>
      <c r="X55" s="191">
        <v>756</v>
      </c>
      <c r="Y55" s="79">
        <v>5.1718528825273591</v>
      </c>
      <c r="Z55" s="80">
        <v>0.1150230078927803</v>
      </c>
      <c r="AA55" s="193">
        <v>0.131934164345231</v>
      </c>
      <c r="AB55" s="89">
        <v>2.470348513791247E-2</v>
      </c>
      <c r="AC55" s="193">
        <v>0.12227714728591227</v>
      </c>
      <c r="AD55" s="89">
        <v>2.3932287345176998E-2</v>
      </c>
      <c r="AE55" s="193">
        <v>0.66589981649942653</v>
      </c>
      <c r="AF55" s="89">
        <v>3.4241111150118651E-2</v>
      </c>
      <c r="AG55" s="193">
        <v>7.9888871869429223E-2</v>
      </c>
      <c r="AH55" s="89">
        <v>1.9915555392179336E-2</v>
      </c>
      <c r="AI55" s="191">
        <v>751</v>
      </c>
      <c r="AJ55" s="79">
        <v>5.483130587510904</v>
      </c>
      <c r="AK55" s="80">
        <v>0.10522699948349939</v>
      </c>
      <c r="AL55" s="193">
        <v>7.8205402265692864E-2</v>
      </c>
      <c r="AM55" s="89">
        <v>1.9796242852257517E-2</v>
      </c>
      <c r="AN55" s="193">
        <v>0.1115084585822637</v>
      </c>
      <c r="AO55" s="89">
        <v>2.3094312639729997E-2</v>
      </c>
      <c r="AP55" s="193">
        <v>0.68959281826122276</v>
      </c>
      <c r="AQ55" s="89">
        <v>3.370573344142918E-2</v>
      </c>
      <c r="AR55" s="193">
        <v>0.12069332089081937</v>
      </c>
      <c r="AS55" s="89">
        <v>2.3881261774995617E-2</v>
      </c>
      <c r="AT55" s="191">
        <v>726</v>
      </c>
      <c r="AU55" s="79">
        <v>5.2629459592146439</v>
      </c>
      <c r="AV55" s="80">
        <v>0.1201160940837095</v>
      </c>
      <c r="AW55" s="193">
        <v>9.1207745649383054E-2</v>
      </c>
      <c r="AX55" s="89">
        <v>2.154513961306348E-2</v>
      </c>
      <c r="AY55" s="193">
        <v>0.11483729795701825</v>
      </c>
      <c r="AZ55" s="89">
        <v>2.378799001871271E-2</v>
      </c>
      <c r="BA55" s="193">
        <v>0.57663616472774937</v>
      </c>
      <c r="BB55" s="89">
        <v>3.6579138053037974E-2</v>
      </c>
      <c r="BC55" s="193">
        <v>0.21731879166585005</v>
      </c>
      <c r="BD55" s="89">
        <v>3.0607067555977994E-2</v>
      </c>
    </row>
    <row r="56" spans="1:56">
      <c r="A56" s="44" t="s">
        <v>552</v>
      </c>
      <c r="B56" s="192">
        <v>211</v>
      </c>
      <c r="C56" s="175">
        <v>5.9625090042910527</v>
      </c>
      <c r="D56" s="127">
        <v>0.16816639741490172</v>
      </c>
      <c r="E56" s="194">
        <v>4.1169624615556843E-2</v>
      </c>
      <c r="F56" s="92">
        <v>2.9644503593266102E-2</v>
      </c>
      <c r="G56" s="194">
        <v>7.5349370963451165E-2</v>
      </c>
      <c r="H56" s="92">
        <v>3.768148286888269E-2</v>
      </c>
      <c r="I56" s="194">
        <v>0.86874740218871915</v>
      </c>
      <c r="J56" s="92">
        <v>4.7060141589512265E-2</v>
      </c>
      <c r="K56" s="194">
        <v>1.4733602232272628E-2</v>
      </c>
      <c r="L56" s="92">
        <v>2.0774398585069357E-2</v>
      </c>
      <c r="M56" s="192">
        <v>209</v>
      </c>
      <c r="N56" s="175">
        <v>5.2514032258434611</v>
      </c>
      <c r="O56" s="127">
        <v>0.23673346460161238</v>
      </c>
      <c r="P56" s="194">
        <v>9.5185489894457256E-2</v>
      </c>
      <c r="Q56" s="92">
        <v>4.1615801738077107E-2</v>
      </c>
      <c r="R56" s="194">
        <v>0.12058405611907518</v>
      </c>
      <c r="S56" s="92">
        <v>4.5738507348694904E-2</v>
      </c>
      <c r="T56" s="194">
        <v>0.58910380689218367</v>
      </c>
      <c r="U56" s="92">
        <v>6.7463209709636263E-2</v>
      </c>
      <c r="V56" s="194">
        <v>0.19512664709428368</v>
      </c>
      <c r="W56" s="92">
        <v>5.4902466677172315E-2</v>
      </c>
      <c r="X56" s="192">
        <v>211</v>
      </c>
      <c r="Y56" s="175">
        <v>5.3950551851418336</v>
      </c>
      <c r="Z56" s="127">
        <v>0.21196852081874454</v>
      </c>
      <c r="AA56" s="194">
        <v>9.5742305564919472E-2</v>
      </c>
      <c r="AB56" s="92">
        <v>4.1506525912817407E-2</v>
      </c>
      <c r="AC56" s="194">
        <v>0.11405777675561067</v>
      </c>
      <c r="AD56" s="92">
        <v>4.4521104685156222E-2</v>
      </c>
      <c r="AE56" s="194">
        <v>0.72552074866638394</v>
      </c>
      <c r="AF56" s="92">
        <v>6.1154054536805884E-2</v>
      </c>
      <c r="AG56" s="194">
        <v>6.4679169013085763E-2</v>
      </c>
      <c r="AH56" s="92">
        <v>3.543260893775256E-2</v>
      </c>
      <c r="AI56" s="192">
        <v>210</v>
      </c>
      <c r="AJ56" s="175">
        <v>5.6368281122258841</v>
      </c>
      <c r="AK56" s="127">
        <v>0.18533365219154566</v>
      </c>
      <c r="AL56" s="194">
        <v>7.761007722393623E-2</v>
      </c>
      <c r="AM56" s="92">
        <v>3.823050453261527E-2</v>
      </c>
      <c r="AN56" s="194">
        <v>9.4975795997183102E-2</v>
      </c>
      <c r="AO56" s="92">
        <v>4.1475268981954978E-2</v>
      </c>
      <c r="AP56" s="194">
        <v>0.73609035797082811</v>
      </c>
      <c r="AQ56" s="92">
        <v>6.0577525407318672E-2</v>
      </c>
      <c r="AR56" s="194">
        <v>9.1323768808052694E-2</v>
      </c>
      <c r="AS56" s="92">
        <v>4.0825359822353233E-2</v>
      </c>
      <c r="AT56" s="192">
        <v>203</v>
      </c>
      <c r="AU56" s="175">
        <v>5.2508028531015754</v>
      </c>
      <c r="AV56" s="127">
        <v>0.21405012950849961</v>
      </c>
      <c r="AW56" s="194">
        <v>7.210082345670861E-2</v>
      </c>
      <c r="AX56" s="92">
        <v>3.7791741823312984E-2</v>
      </c>
      <c r="AY56" s="194">
        <v>0.14872150209828169</v>
      </c>
      <c r="AZ56" s="92">
        <v>5.0375649775010106E-2</v>
      </c>
      <c r="BA56" s="194">
        <v>0.53068085454067293</v>
      </c>
      <c r="BB56" s="92">
        <v>6.9378846960890597E-2</v>
      </c>
      <c r="BC56" s="194">
        <v>0.2484968199043367</v>
      </c>
      <c r="BD56" s="92">
        <v>6.0459931933204619E-2</v>
      </c>
    </row>
    <row r="57" spans="1:56">
      <c r="A57" s="52" t="s">
        <v>553</v>
      </c>
      <c r="B57" s="191">
        <v>273</v>
      </c>
      <c r="C57" s="79">
        <v>5.4679460003984346</v>
      </c>
      <c r="D57" s="80">
        <v>0.17631301187988382</v>
      </c>
      <c r="E57" s="193">
        <v>9.3874366129884396E-2</v>
      </c>
      <c r="F57" s="89">
        <v>3.6008648951929907E-2</v>
      </c>
      <c r="G57" s="193">
        <v>0.11088734403697004</v>
      </c>
      <c r="H57" s="89">
        <v>3.8553742614300057E-2</v>
      </c>
      <c r="I57" s="193">
        <v>0.76821903026429983</v>
      </c>
      <c r="J57" s="89">
        <v>5.1000287602994285E-2</v>
      </c>
      <c r="K57" s="193">
        <v>2.7019259568846765E-2</v>
      </c>
      <c r="L57" s="89">
        <v>2.1731386348968301E-2</v>
      </c>
      <c r="M57" s="191">
        <v>274</v>
      </c>
      <c r="N57" s="79">
        <v>4.8325482813505207</v>
      </c>
      <c r="O57" s="80">
        <v>0.19853534278743498</v>
      </c>
      <c r="P57" s="193">
        <v>0.1528113625222205</v>
      </c>
      <c r="Q57" s="89">
        <v>4.3729691331762743E-2</v>
      </c>
      <c r="R57" s="193">
        <v>0.18384945247343118</v>
      </c>
      <c r="S57" s="89">
        <v>4.6904837254256461E-2</v>
      </c>
      <c r="T57" s="193">
        <v>0.52512172979273952</v>
      </c>
      <c r="U57" s="89">
        <v>5.9902430167119387E-2</v>
      </c>
      <c r="V57" s="193">
        <v>0.13821745521160994</v>
      </c>
      <c r="W57" s="89">
        <v>4.2043624852258724E-2</v>
      </c>
      <c r="X57" s="191">
        <v>273</v>
      </c>
      <c r="Y57" s="79">
        <v>4.954153932061705</v>
      </c>
      <c r="Z57" s="80">
        <v>0.18936026899909561</v>
      </c>
      <c r="AA57" s="193">
        <v>0.14284251012884686</v>
      </c>
      <c r="AB57" s="89">
        <v>4.2671782944482796E-2</v>
      </c>
      <c r="AC57" s="193">
        <v>0.14888301698247658</v>
      </c>
      <c r="AD57" s="89">
        <v>4.336923667393594E-2</v>
      </c>
      <c r="AE57" s="193">
        <v>0.59466677374577148</v>
      </c>
      <c r="AF57" s="89">
        <v>5.9028862507961348E-2</v>
      </c>
      <c r="AG57" s="193">
        <v>0.11360769914290612</v>
      </c>
      <c r="AH57" s="89">
        <v>3.8935611360360868E-2</v>
      </c>
      <c r="AI57" s="191">
        <v>271</v>
      </c>
      <c r="AJ57" s="79">
        <v>5.2270791294653733</v>
      </c>
      <c r="AK57" s="80">
        <v>0.17813951849453</v>
      </c>
      <c r="AL57" s="193">
        <v>9.1070937839880448E-2</v>
      </c>
      <c r="AM57" s="89">
        <v>3.569696929561867E-2</v>
      </c>
      <c r="AN57" s="193">
        <v>0.14757396597709216</v>
      </c>
      <c r="AO57" s="89">
        <v>4.3381239867538259E-2</v>
      </c>
      <c r="AP57" s="193">
        <v>0.60924538417223828</v>
      </c>
      <c r="AQ57" s="89">
        <v>5.8887888313598452E-2</v>
      </c>
      <c r="AR57" s="193">
        <v>0.15210971201078982</v>
      </c>
      <c r="AS57" s="89">
        <v>4.3895337687076229E-2</v>
      </c>
      <c r="AT57" s="191">
        <v>269</v>
      </c>
      <c r="AU57" s="79">
        <v>5.2462445075898971</v>
      </c>
      <c r="AV57" s="80">
        <v>0.19810970755070165</v>
      </c>
      <c r="AW57" s="193">
        <v>9.4758082994596093E-2</v>
      </c>
      <c r="AX57" s="89">
        <v>3.6425662332304966E-2</v>
      </c>
      <c r="AY57" s="193">
        <v>0.13213259330419727</v>
      </c>
      <c r="AZ57" s="89">
        <v>4.1687856058680785E-2</v>
      </c>
      <c r="BA57" s="193">
        <v>0.56336570326323321</v>
      </c>
      <c r="BB57" s="89">
        <v>6.0049013870249704E-2</v>
      </c>
      <c r="BC57" s="193">
        <v>0.20974362043797445</v>
      </c>
      <c r="BD57" s="89">
        <v>4.9643708700391274E-2</v>
      </c>
    </row>
    <row r="58" spans="1:56">
      <c r="A58" s="44" t="s">
        <v>554</v>
      </c>
      <c r="B58" s="192">
        <v>242</v>
      </c>
      <c r="C58" s="175">
        <v>5.6153613754417888</v>
      </c>
      <c r="D58" s="127">
        <v>0.18359189607306212</v>
      </c>
      <c r="E58" s="194">
        <v>9.1255124344173155E-2</v>
      </c>
      <c r="F58" s="92">
        <v>3.789517029364977E-2</v>
      </c>
      <c r="G58" s="194">
        <v>9.4911093423563311E-2</v>
      </c>
      <c r="H58" s="92">
        <v>3.8507961421778286E-2</v>
      </c>
      <c r="I58" s="194">
        <v>0.79561335262357413</v>
      </c>
      <c r="J58" s="92">
        <v>5.1864661764855775E-2</v>
      </c>
      <c r="K58" s="194">
        <v>1.8220429608689578E-2</v>
      </c>
      <c r="L58" s="92">
        <v>2.0312765878051052E-2</v>
      </c>
      <c r="M58" s="192">
        <v>242</v>
      </c>
      <c r="N58" s="175">
        <v>4.8567221627313089</v>
      </c>
      <c r="O58" s="127">
        <v>0.24278247203924527</v>
      </c>
      <c r="P58" s="194">
        <v>0.19385713795476495</v>
      </c>
      <c r="Q58" s="92">
        <v>5.0894388551710391E-2</v>
      </c>
      <c r="R58" s="194">
        <v>0.10841087887039576</v>
      </c>
      <c r="S58" s="92">
        <v>4.0646033150664805E-2</v>
      </c>
      <c r="T58" s="194">
        <v>0.53572837081269897</v>
      </c>
      <c r="U58" s="92">
        <v>6.3599951264014493E-2</v>
      </c>
      <c r="V58" s="194">
        <v>0.16200361236214086</v>
      </c>
      <c r="W58" s="92">
        <v>4.7616935210382141E-2</v>
      </c>
      <c r="X58" s="192">
        <v>242</v>
      </c>
      <c r="Y58" s="175">
        <v>5.2182232370127357</v>
      </c>
      <c r="Z58" s="127">
        <v>0.21069926931225499</v>
      </c>
      <c r="AA58" s="194">
        <v>0.15889151806265076</v>
      </c>
      <c r="AB58" s="92">
        <v>4.7266437746490579E-2</v>
      </c>
      <c r="AC58" s="194">
        <v>8.7867440769558644E-2</v>
      </c>
      <c r="AD58" s="92">
        <v>3.7313335622789566E-2</v>
      </c>
      <c r="AE58" s="194">
        <v>0.69469226537627304</v>
      </c>
      <c r="AF58" s="92">
        <v>5.8894640036516746E-2</v>
      </c>
      <c r="AG58" s="194">
        <v>5.8548775791518091E-2</v>
      </c>
      <c r="AH58" s="92">
        <v>3.1598812983988742E-2</v>
      </c>
      <c r="AI58" s="192">
        <v>240</v>
      </c>
      <c r="AJ58" s="175">
        <v>5.6067366718769165</v>
      </c>
      <c r="AK58" s="127">
        <v>0.19649042068275682</v>
      </c>
      <c r="AL58" s="194">
        <v>7.287816126381963E-2</v>
      </c>
      <c r="AM58" s="92">
        <v>3.4711768420355102E-2</v>
      </c>
      <c r="AN58" s="194">
        <v>8.0310496518292668E-2</v>
      </c>
      <c r="AO58" s="92">
        <v>3.612102663208315E-2</v>
      </c>
      <c r="AP58" s="194">
        <v>0.72955611336822701</v>
      </c>
      <c r="AQ58" s="92">
        <v>5.7119025430565858E-2</v>
      </c>
      <c r="AR58" s="194">
        <v>0.11725522884966078</v>
      </c>
      <c r="AS58" s="92">
        <v>4.2129802987729045E-2</v>
      </c>
      <c r="AT58" s="192">
        <v>224</v>
      </c>
      <c r="AU58" s="175">
        <v>5.2922694087497071</v>
      </c>
      <c r="AV58" s="127">
        <v>0.22644231764047731</v>
      </c>
      <c r="AW58" s="194">
        <v>0.10641667281007028</v>
      </c>
      <c r="AX58" s="92">
        <v>4.1985763791417781E-2</v>
      </c>
      <c r="AY58" s="194">
        <v>5.6084366860861011E-2</v>
      </c>
      <c r="AZ58" s="92">
        <v>3.2388183354828674E-2</v>
      </c>
      <c r="BA58" s="194">
        <v>0.62512715556981258</v>
      </c>
      <c r="BB58" s="92">
        <v>6.4193749703788078E-2</v>
      </c>
      <c r="BC58" s="194">
        <v>0.21237180475925679</v>
      </c>
      <c r="BD58" s="92">
        <v>5.4635533126304314E-2</v>
      </c>
    </row>
    <row r="61" spans="1:56" ht="18.75">
      <c r="A61" s="344" t="s">
        <v>412</v>
      </c>
      <c r="B61" s="344"/>
      <c r="C61" s="344"/>
      <c r="D61" s="344"/>
    </row>
    <row r="62" spans="1:56" ht="101.25" customHeight="1">
      <c r="A62" s="402" t="s">
        <v>414</v>
      </c>
      <c r="B62" s="402"/>
      <c r="C62" s="402"/>
      <c r="D62" s="402"/>
    </row>
    <row r="63" spans="1:56" ht="52.5" customHeight="1">
      <c r="A63" s="412" t="s">
        <v>413</v>
      </c>
      <c r="B63" s="351"/>
      <c r="C63" s="351"/>
      <c r="D63" s="351"/>
    </row>
    <row r="64" spans="1:56" ht="72">
      <c r="A64" s="32" t="s">
        <v>71</v>
      </c>
      <c r="B64" s="33" t="s">
        <v>72</v>
      </c>
      <c r="C64" s="34" t="s">
        <v>593</v>
      </c>
      <c r="D64" s="35" t="s">
        <v>73</v>
      </c>
    </row>
    <row r="65" spans="1:4" ht="72">
      <c r="A65" s="36"/>
      <c r="B65" s="37" t="s">
        <v>74</v>
      </c>
      <c r="C65" s="123" t="s">
        <v>304</v>
      </c>
      <c r="D65" s="39" t="s">
        <v>76</v>
      </c>
    </row>
    <row r="66" spans="1:4">
      <c r="A66" s="40" t="s">
        <v>350</v>
      </c>
      <c r="B66" s="161">
        <v>13378</v>
      </c>
      <c r="C66" s="162">
        <v>4.6058382743290247</v>
      </c>
      <c r="D66" s="81">
        <v>2.841324988712805E-2</v>
      </c>
    </row>
    <row r="67" spans="1:4">
      <c r="A67" s="44" t="s">
        <v>351</v>
      </c>
      <c r="B67" s="44">
        <v>9798</v>
      </c>
      <c r="C67" s="164">
        <v>3.8991512701747868</v>
      </c>
      <c r="D67" s="82">
        <v>3.1300090940843274E-2</v>
      </c>
    </row>
    <row r="68" spans="1:4">
      <c r="A68" s="40" t="s">
        <v>352</v>
      </c>
      <c r="B68" s="48">
        <v>3580</v>
      </c>
      <c r="C68" s="162">
        <v>5.1791687404784188</v>
      </c>
      <c r="D68" s="81">
        <v>4.3236509349918018E-2</v>
      </c>
    </row>
    <row r="69" spans="1:4">
      <c r="A69" s="44" t="s">
        <v>534</v>
      </c>
      <c r="B69" s="44">
        <v>3083</v>
      </c>
      <c r="C69" s="164">
        <v>4.6822893032893731</v>
      </c>
      <c r="D69" s="82">
        <v>5.9487421295989475E-2</v>
      </c>
    </row>
    <row r="70" spans="1:4">
      <c r="A70" s="40" t="s">
        <v>535</v>
      </c>
      <c r="B70" s="48">
        <v>2422</v>
      </c>
      <c r="C70" s="162">
        <v>3.5899348229685479</v>
      </c>
      <c r="D70" s="81">
        <v>6.205077062948651E-2</v>
      </c>
    </row>
    <row r="71" spans="1:4">
      <c r="A71" s="44" t="s">
        <v>536</v>
      </c>
      <c r="B71" s="44">
        <v>357</v>
      </c>
      <c r="C71" s="164">
        <v>3.3663611495744314</v>
      </c>
      <c r="D71" s="82">
        <v>0.15586362799600528</v>
      </c>
    </row>
    <row r="72" spans="1:4">
      <c r="A72" s="40" t="s">
        <v>537</v>
      </c>
      <c r="B72" s="48">
        <v>83</v>
      </c>
      <c r="C72" s="162">
        <v>3.3170046667839395</v>
      </c>
      <c r="D72" s="81">
        <v>0.32985590123215847</v>
      </c>
    </row>
    <row r="73" spans="1:4">
      <c r="A73" s="44" t="s">
        <v>538</v>
      </c>
      <c r="B73" s="44">
        <v>62</v>
      </c>
      <c r="C73" s="164">
        <v>3.3752429126593193</v>
      </c>
      <c r="D73" s="82">
        <v>0.38140070575948365</v>
      </c>
    </row>
    <row r="74" spans="1:4">
      <c r="A74" s="40" t="s">
        <v>539</v>
      </c>
      <c r="B74" s="48">
        <v>60</v>
      </c>
      <c r="C74" s="162">
        <v>4.1144223447312269</v>
      </c>
      <c r="D74" s="81">
        <v>0.38759197681278457</v>
      </c>
    </row>
    <row r="75" spans="1:4">
      <c r="A75" s="44" t="s">
        <v>540</v>
      </c>
      <c r="B75" s="44">
        <v>76</v>
      </c>
      <c r="C75" s="164">
        <v>2.6176992491963653</v>
      </c>
      <c r="D75" s="82">
        <v>0.2890684420229781</v>
      </c>
    </row>
    <row r="76" spans="1:4">
      <c r="A76" s="40" t="s">
        <v>541</v>
      </c>
      <c r="B76" s="161">
        <v>76</v>
      </c>
      <c r="C76" s="162">
        <v>3.2798552018290348</v>
      </c>
      <c r="D76" s="81">
        <v>0.31412383534765076</v>
      </c>
    </row>
    <row r="77" spans="1:4">
      <c r="A77" s="44" t="s">
        <v>542</v>
      </c>
      <c r="B77" s="163">
        <v>577</v>
      </c>
      <c r="C77" s="164">
        <v>3.5905458222792488</v>
      </c>
      <c r="D77" s="82">
        <v>0.1158493537549137</v>
      </c>
    </row>
    <row r="78" spans="1:4">
      <c r="A78" s="40" t="s">
        <v>543</v>
      </c>
      <c r="B78" s="78">
        <v>56</v>
      </c>
      <c r="C78" s="162">
        <v>3.4168879675203243</v>
      </c>
      <c r="D78" s="81">
        <v>0.34421699683352497</v>
      </c>
    </row>
    <row r="79" spans="1:4">
      <c r="A79" s="44" t="s">
        <v>550</v>
      </c>
      <c r="B79" s="163">
        <v>98</v>
      </c>
      <c r="C79" s="164">
        <v>3.6360855543689214</v>
      </c>
      <c r="D79" s="82">
        <v>0.29313274147340029</v>
      </c>
    </row>
    <row r="80" spans="1:4">
      <c r="A80" s="52" t="s">
        <v>544</v>
      </c>
      <c r="B80" s="161">
        <v>119</v>
      </c>
      <c r="C80" s="162">
        <v>3.5824640141589184</v>
      </c>
      <c r="D80" s="81">
        <v>0.27061177235184269</v>
      </c>
    </row>
    <row r="81" spans="1:25">
      <c r="A81" s="44" t="s">
        <v>545</v>
      </c>
      <c r="B81" s="163">
        <v>142</v>
      </c>
      <c r="C81" s="164">
        <v>3.9813466132853828</v>
      </c>
      <c r="D81" s="82">
        <v>0.22684586869861953</v>
      </c>
    </row>
    <row r="82" spans="1:25">
      <c r="A82" s="52" t="s">
        <v>546</v>
      </c>
      <c r="B82" s="161">
        <v>71</v>
      </c>
      <c r="C82" s="162">
        <v>3.1817267798502797</v>
      </c>
      <c r="D82" s="81">
        <v>0.29845471220115183</v>
      </c>
    </row>
    <row r="83" spans="1:25">
      <c r="A83" s="44" t="s">
        <v>547</v>
      </c>
      <c r="B83" s="163">
        <v>91</v>
      </c>
      <c r="C83" s="164">
        <v>3.2687372829295271</v>
      </c>
      <c r="D83" s="82">
        <v>0.29285796159115107</v>
      </c>
    </row>
    <row r="84" spans="1:25">
      <c r="A84" s="52" t="s">
        <v>551</v>
      </c>
      <c r="B84" s="161">
        <v>731</v>
      </c>
      <c r="C84" s="162">
        <v>5.0860196642195339</v>
      </c>
      <c r="D84" s="81">
        <v>0.10623209358158953</v>
      </c>
    </row>
    <row r="85" spans="1:25">
      <c r="A85" s="44" t="s">
        <v>552</v>
      </c>
      <c r="B85" s="163">
        <v>207</v>
      </c>
      <c r="C85" s="164">
        <v>5.2853351901011303</v>
      </c>
      <c r="D85" s="82">
        <v>0.18597463808446782</v>
      </c>
    </row>
    <row r="86" spans="1:25">
      <c r="A86" s="52" t="s">
        <v>553</v>
      </c>
      <c r="B86" s="161">
        <v>263</v>
      </c>
      <c r="C86" s="162">
        <v>4.9657477119205424</v>
      </c>
      <c r="D86" s="81">
        <v>0.17684200602015562</v>
      </c>
    </row>
    <row r="87" spans="1:25">
      <c r="A87" s="44" t="s">
        <v>554</v>
      </c>
      <c r="B87" s="163">
        <v>233</v>
      </c>
      <c r="C87" s="164">
        <v>5.0264205458122575</v>
      </c>
      <c r="D87" s="82">
        <v>0.20224954289074112</v>
      </c>
    </row>
    <row r="90" spans="1:25" ht="18.75">
      <c r="A90" s="424" t="s">
        <v>509</v>
      </c>
      <c r="B90" s="424"/>
      <c r="C90" s="424"/>
      <c r="D90" s="424"/>
      <c r="E90" s="424"/>
      <c r="F90" s="424"/>
      <c r="G90" s="424"/>
      <c r="H90" s="424"/>
      <c r="I90" s="424"/>
      <c r="J90" s="424"/>
      <c r="K90" s="424"/>
      <c r="L90" s="424"/>
      <c r="M90" s="424"/>
      <c r="N90" s="424"/>
      <c r="O90" s="424"/>
      <c r="P90" s="424"/>
      <c r="Q90" s="424"/>
      <c r="R90" s="424"/>
      <c r="S90" s="424"/>
      <c r="T90" s="424"/>
      <c r="U90" s="424"/>
      <c r="V90" s="424"/>
      <c r="W90" s="424"/>
      <c r="X90" s="311"/>
      <c r="Y90" s="311"/>
    </row>
    <row r="91" spans="1:25" ht="56.25" customHeight="1">
      <c r="A91" s="417" t="s">
        <v>597</v>
      </c>
      <c r="B91" s="417"/>
      <c r="C91" s="417"/>
      <c r="D91" s="417"/>
      <c r="E91" s="417"/>
      <c r="F91" s="417"/>
      <c r="G91" s="417"/>
      <c r="H91" s="417"/>
      <c r="I91" s="417"/>
      <c r="J91" s="417"/>
      <c r="K91" s="417"/>
      <c r="L91" s="417"/>
      <c r="M91" s="417"/>
      <c r="N91" s="417"/>
      <c r="O91" s="417"/>
      <c r="P91" s="417"/>
      <c r="Q91" s="417"/>
      <c r="R91" s="417"/>
      <c r="S91" s="417"/>
      <c r="T91" s="417"/>
      <c r="U91" s="417"/>
      <c r="V91" s="417"/>
      <c r="W91" s="417"/>
      <c r="X91" s="311"/>
      <c r="Y91" s="311"/>
    </row>
    <row r="92" spans="1:25" ht="36" customHeight="1">
      <c r="A92" s="59"/>
      <c r="B92" s="396" t="s">
        <v>415</v>
      </c>
      <c r="C92" s="397"/>
      <c r="D92" s="397"/>
      <c r="E92" s="397"/>
      <c r="F92" s="397"/>
      <c r="G92" s="397"/>
      <c r="H92" s="397"/>
      <c r="I92" s="397"/>
      <c r="J92" s="397"/>
      <c r="K92" s="397"/>
      <c r="L92" s="398"/>
      <c r="M92" s="396" t="s">
        <v>416</v>
      </c>
      <c r="N92" s="397"/>
      <c r="O92" s="397"/>
      <c r="P92" s="397"/>
      <c r="Q92" s="397"/>
      <c r="R92" s="397"/>
      <c r="S92" s="397"/>
      <c r="T92" s="397"/>
      <c r="U92" s="397"/>
      <c r="V92" s="397"/>
      <c r="W92" s="397"/>
    </row>
    <row r="93" spans="1:25" ht="41.25" customHeight="1">
      <c r="A93" s="32" t="s">
        <v>71</v>
      </c>
      <c r="B93" s="33" t="s">
        <v>72</v>
      </c>
      <c r="C93" s="34" t="s">
        <v>593</v>
      </c>
      <c r="D93" s="35" t="s">
        <v>73</v>
      </c>
      <c r="E93" s="33" t="s">
        <v>312</v>
      </c>
      <c r="F93" s="84" t="s">
        <v>143</v>
      </c>
      <c r="G93" s="33" t="s">
        <v>313</v>
      </c>
      <c r="H93" s="84" t="s">
        <v>144</v>
      </c>
      <c r="I93" s="33" t="s">
        <v>314</v>
      </c>
      <c r="J93" s="84" t="s">
        <v>117</v>
      </c>
      <c r="K93" s="33" t="s">
        <v>301</v>
      </c>
      <c r="L93" s="84" t="s">
        <v>315</v>
      </c>
      <c r="M93" s="60" t="s">
        <v>72</v>
      </c>
      <c r="N93" s="61" t="s">
        <v>593</v>
      </c>
      <c r="O93" s="62" t="s">
        <v>73</v>
      </c>
      <c r="P93" s="60" t="s">
        <v>312</v>
      </c>
      <c r="Q93" s="83" t="s">
        <v>143</v>
      </c>
      <c r="R93" s="60" t="s">
        <v>316</v>
      </c>
      <c r="S93" s="83" t="s">
        <v>317</v>
      </c>
      <c r="T93" s="60" t="s">
        <v>314</v>
      </c>
      <c r="U93" s="83" t="s">
        <v>117</v>
      </c>
      <c r="V93" s="60" t="s">
        <v>301</v>
      </c>
      <c r="W93" s="83" t="s">
        <v>315</v>
      </c>
    </row>
    <row r="94" spans="1:25" ht="72">
      <c r="A94" s="36"/>
      <c r="B94" s="37" t="s">
        <v>74</v>
      </c>
      <c r="C94" s="123" t="s">
        <v>304</v>
      </c>
      <c r="D94" s="39" t="s">
        <v>76</v>
      </c>
      <c r="E94" s="37" t="s">
        <v>159</v>
      </c>
      <c r="F94" s="86" t="s">
        <v>88</v>
      </c>
      <c r="G94" s="37" t="s">
        <v>160</v>
      </c>
      <c r="H94" s="86" t="s">
        <v>88</v>
      </c>
      <c r="I94" s="37" t="s">
        <v>161</v>
      </c>
      <c r="J94" s="86" t="s">
        <v>88</v>
      </c>
      <c r="K94" s="37" t="s">
        <v>301</v>
      </c>
      <c r="L94" s="86" t="s">
        <v>88</v>
      </c>
      <c r="M94" s="63" t="s">
        <v>74</v>
      </c>
      <c r="N94" s="254" t="s">
        <v>304</v>
      </c>
      <c r="O94" s="65" t="s">
        <v>76</v>
      </c>
      <c r="P94" s="63" t="s">
        <v>159</v>
      </c>
      <c r="Q94" s="85" t="s">
        <v>88</v>
      </c>
      <c r="R94" s="63" t="s">
        <v>160</v>
      </c>
      <c r="S94" s="85" t="s">
        <v>88</v>
      </c>
      <c r="T94" s="63" t="s">
        <v>161</v>
      </c>
      <c r="U94" s="85" t="s">
        <v>88</v>
      </c>
      <c r="V94" s="63" t="s">
        <v>301</v>
      </c>
      <c r="W94" s="85" t="s">
        <v>88</v>
      </c>
    </row>
    <row r="95" spans="1:25">
      <c r="A95" s="40" t="s">
        <v>350</v>
      </c>
      <c r="B95" s="312">
        <v>13765</v>
      </c>
      <c r="C95" s="313">
        <v>4.6218854932024618</v>
      </c>
      <c r="D95" s="314">
        <v>2.9541683813995363E-2</v>
      </c>
      <c r="E95" s="315">
        <v>0.23907028799581004</v>
      </c>
      <c r="F95" s="316">
        <v>7.2704463901309612E-3</v>
      </c>
      <c r="G95" s="315">
        <v>0.17044209525032281</v>
      </c>
      <c r="H95" s="316">
        <v>6.4104343685206268E-3</v>
      </c>
      <c r="I95" s="315">
        <v>0.5804295452051893</v>
      </c>
      <c r="J95" s="316">
        <v>8.4112269517187949E-3</v>
      </c>
      <c r="K95" s="315">
        <v>1.0058071548694003E-2</v>
      </c>
      <c r="L95" s="314">
        <v>1.7126203741847147E-3</v>
      </c>
      <c r="M95" s="312">
        <v>13843</v>
      </c>
      <c r="N95" s="313">
        <v>4.5967103240332383</v>
      </c>
      <c r="O95" s="315">
        <v>3.5405588152114864E-2</v>
      </c>
      <c r="P95" s="315">
        <v>0.28846712963972082</v>
      </c>
      <c r="Q95" s="316">
        <v>7.7006102684024046E-3</v>
      </c>
      <c r="R95" s="315">
        <v>0.12828613840063616</v>
      </c>
      <c r="S95" s="316">
        <v>5.6856997465847305E-3</v>
      </c>
      <c r="T95" s="315">
        <v>0.56647253136033926</v>
      </c>
      <c r="U95" s="316">
        <v>8.4227157461731327E-3</v>
      </c>
      <c r="V95" s="315">
        <v>1.6774200599319375E-2</v>
      </c>
      <c r="W95" s="316">
        <v>2.191636005694597E-3</v>
      </c>
    </row>
    <row r="96" spans="1:25">
      <c r="A96" s="44" t="s">
        <v>351</v>
      </c>
      <c r="B96" s="44">
        <v>10100</v>
      </c>
      <c r="C96" s="175">
        <v>4.1695425903581356</v>
      </c>
      <c r="D96" s="127">
        <v>3.4448295583078915E-2</v>
      </c>
      <c r="E96" s="194">
        <v>0.34152122855695283</v>
      </c>
      <c r="F96" s="92">
        <v>9.4358768663867273E-3</v>
      </c>
      <c r="G96" s="194">
        <v>0.17469114921658968</v>
      </c>
      <c r="H96" s="92">
        <v>7.5570651502053941E-3</v>
      </c>
      <c r="I96" s="194">
        <v>0.47687708375163623</v>
      </c>
      <c r="J96" s="92">
        <v>9.9377666432826899E-3</v>
      </c>
      <c r="K96" s="194">
        <v>6.9105384748209594E-3</v>
      </c>
      <c r="L96" s="127">
        <v>1.6712430268018129E-3</v>
      </c>
      <c r="M96" s="44">
        <v>10165</v>
      </c>
      <c r="N96" s="175">
        <v>3.639621827302848</v>
      </c>
      <c r="O96" s="194">
        <v>3.8735524108903331E-2</v>
      </c>
      <c r="P96" s="194">
        <v>0.48496814217650475</v>
      </c>
      <c r="Q96" s="92">
        <v>9.9120772612238204E-3</v>
      </c>
      <c r="R96" s="194">
        <v>0.13199811931886693</v>
      </c>
      <c r="S96" s="92">
        <v>6.7164047884303987E-3</v>
      </c>
      <c r="T96" s="194">
        <v>0.36314130167084047</v>
      </c>
      <c r="U96" s="92">
        <v>9.5381482792795368E-3</v>
      </c>
      <c r="V96" s="194">
        <v>1.9892436833781689E-2</v>
      </c>
      <c r="W96" s="92">
        <v>2.7821573111958746E-3</v>
      </c>
    </row>
    <row r="97" spans="1:23">
      <c r="A97" s="40" t="s">
        <v>352</v>
      </c>
      <c r="B97" s="317">
        <v>3665</v>
      </c>
      <c r="C97" s="313">
        <v>4.9927410243324486</v>
      </c>
      <c r="D97" s="314">
        <v>4.8905180471125187E-2</v>
      </c>
      <c r="E97" s="315">
        <v>0.15555860522907791</v>
      </c>
      <c r="F97" s="316">
        <v>1.1978843463844795E-2</v>
      </c>
      <c r="G97" s="315">
        <v>0.16697852873793584</v>
      </c>
      <c r="H97" s="316">
        <v>1.2325130483906727E-2</v>
      </c>
      <c r="I97" s="315">
        <v>0.66483911980992394</v>
      </c>
      <c r="J97" s="316">
        <v>1.558830091558025E-2</v>
      </c>
      <c r="K97" s="315">
        <v>1.2623746223063092E-2</v>
      </c>
      <c r="L97" s="314">
        <v>3.7620756571589628E-3</v>
      </c>
      <c r="M97" s="317">
        <v>3678</v>
      </c>
      <c r="N97" s="313">
        <v>5.3734788863316103</v>
      </c>
      <c r="O97" s="315">
        <v>5.1390986973733115E-2</v>
      </c>
      <c r="P97" s="315">
        <v>0.12806626381766983</v>
      </c>
      <c r="Q97" s="316">
        <v>1.1028859327793969E-2</v>
      </c>
      <c r="R97" s="315">
        <v>0.12525610336156179</v>
      </c>
      <c r="S97" s="316">
        <v>1.0925254393580393E-2</v>
      </c>
      <c r="T97" s="315">
        <v>0.73244880227012543</v>
      </c>
      <c r="U97" s="316">
        <v>1.4595203895135739E-2</v>
      </c>
      <c r="V97" s="315">
        <v>1.4228830550643858E-2</v>
      </c>
      <c r="W97" s="316">
        <v>3.9742243860208465E-3</v>
      </c>
    </row>
    <row r="98" spans="1:23">
      <c r="A98" s="44" t="s">
        <v>534</v>
      </c>
      <c r="B98" s="44">
        <v>3158</v>
      </c>
      <c r="C98" s="175">
        <v>4.5763371542424123</v>
      </c>
      <c r="D98" s="127">
        <v>6.3387385882981553E-2</v>
      </c>
      <c r="E98" s="194">
        <v>0.25525813110401246</v>
      </c>
      <c r="F98" s="92">
        <v>1.5513674277525985E-2</v>
      </c>
      <c r="G98" s="194">
        <v>0.15808977307951258</v>
      </c>
      <c r="H98" s="92">
        <v>1.2990191327706523E-2</v>
      </c>
      <c r="I98" s="194">
        <v>0.57717143268357562</v>
      </c>
      <c r="J98" s="92">
        <v>1.7571022517766266E-2</v>
      </c>
      <c r="K98" s="194">
        <v>9.4806631328938802E-3</v>
      </c>
      <c r="L98" s="127">
        <v>3.556563290171596E-3</v>
      </c>
      <c r="M98" s="44">
        <v>3177</v>
      </c>
      <c r="N98" s="175">
        <v>4.7861174148187891</v>
      </c>
      <c r="O98" s="194">
        <v>7.2056964529819106E-2</v>
      </c>
      <c r="P98" s="194">
        <v>0.25405197469021984</v>
      </c>
      <c r="Q98" s="92">
        <v>1.5443220379745208E-2</v>
      </c>
      <c r="R98" s="194">
        <v>0.11911227929907069</v>
      </c>
      <c r="S98" s="92">
        <v>1.1506414420855862E-2</v>
      </c>
      <c r="T98" s="194">
        <v>0.61196496844415615</v>
      </c>
      <c r="U98" s="92">
        <v>1.7281272555488798E-2</v>
      </c>
      <c r="V98" s="194">
        <v>1.4870777566547737E-2</v>
      </c>
      <c r="W98" s="92">
        <v>4.3778120299926239E-3</v>
      </c>
    </row>
    <row r="99" spans="1:23">
      <c r="A99" s="40" t="s">
        <v>535</v>
      </c>
      <c r="B99" s="317">
        <v>2485</v>
      </c>
      <c r="C99" s="313">
        <v>3.7190412138394686</v>
      </c>
      <c r="D99" s="314">
        <v>6.9297051610729216E-2</v>
      </c>
      <c r="E99" s="315">
        <v>0.44541638216775753</v>
      </c>
      <c r="F99" s="316">
        <v>1.9924735726253327E-2</v>
      </c>
      <c r="G99" s="315">
        <v>0.17399864515985733</v>
      </c>
      <c r="H99" s="316">
        <v>1.521583996197135E-2</v>
      </c>
      <c r="I99" s="315">
        <v>0.37620994546094366</v>
      </c>
      <c r="J99" s="316">
        <v>1.9422156076693026E-2</v>
      </c>
      <c r="K99" s="315">
        <v>4.3750272114426959E-3</v>
      </c>
      <c r="L99" s="314">
        <v>2.8754197337518949E-3</v>
      </c>
      <c r="M99" s="317">
        <v>2499</v>
      </c>
      <c r="N99" s="313">
        <v>3.4758014711832108</v>
      </c>
      <c r="O99" s="315">
        <v>7.6112048272294813E-2</v>
      </c>
      <c r="P99" s="315">
        <v>0.52134654097820166</v>
      </c>
      <c r="Q99" s="316">
        <v>1.996984464295859E-2</v>
      </c>
      <c r="R99" s="315">
        <v>0.14153693663036296</v>
      </c>
      <c r="S99" s="316">
        <v>1.395813600693558E-2</v>
      </c>
      <c r="T99" s="315">
        <v>0.32552083891234224</v>
      </c>
      <c r="U99" s="316">
        <v>1.8735676179736548E-2</v>
      </c>
      <c r="V99" s="315">
        <v>1.1595683479094827E-2</v>
      </c>
      <c r="W99" s="316">
        <v>4.4196603584621434E-3</v>
      </c>
    </row>
    <row r="100" spans="1:23">
      <c r="A100" s="44" t="s">
        <v>536</v>
      </c>
      <c r="B100" s="44">
        <v>363</v>
      </c>
      <c r="C100" s="175">
        <v>3.5865412235980179</v>
      </c>
      <c r="D100" s="127">
        <v>0.17940176301240504</v>
      </c>
      <c r="E100" s="194">
        <v>0.46477358531425494</v>
      </c>
      <c r="F100" s="92">
        <v>5.2072680489589088E-2</v>
      </c>
      <c r="G100" s="194">
        <v>0.18059004373590423</v>
      </c>
      <c r="H100" s="92">
        <v>4.0459094132402944E-2</v>
      </c>
      <c r="I100" s="194">
        <v>0.3437939805081569</v>
      </c>
      <c r="J100" s="92">
        <v>4.964491549909008E-2</v>
      </c>
      <c r="K100" s="194">
        <v>1.0842390441684065E-2</v>
      </c>
      <c r="L100" s="127">
        <v>1.3169288212074489E-2</v>
      </c>
      <c r="M100" s="44">
        <v>367</v>
      </c>
      <c r="N100" s="175">
        <v>3.1973781245152151</v>
      </c>
      <c r="O100" s="194">
        <v>0.19236201082256962</v>
      </c>
      <c r="P100" s="194">
        <v>0.60052101570851746</v>
      </c>
      <c r="Q100" s="92">
        <v>5.0880361449233566E-2</v>
      </c>
      <c r="R100" s="194">
        <v>9.9627853280815207E-2</v>
      </c>
      <c r="S100" s="92">
        <v>3.1689202959793356E-2</v>
      </c>
      <c r="T100" s="194">
        <v>0.29559313723305186</v>
      </c>
      <c r="U100" s="92">
        <v>4.7482604634082555E-2</v>
      </c>
      <c r="V100" s="194">
        <v>4.257993777615641E-3</v>
      </c>
      <c r="W100" s="92">
        <v>1.0126267502641747E-2</v>
      </c>
    </row>
    <row r="101" spans="1:23">
      <c r="A101" s="40" t="s">
        <v>537</v>
      </c>
      <c r="B101" s="317">
        <v>83</v>
      </c>
      <c r="C101" s="313">
        <v>3.3380903353234599</v>
      </c>
      <c r="D101" s="314">
        <v>0.37779532593708121</v>
      </c>
      <c r="E101" s="315">
        <v>0.52684477568825816</v>
      </c>
      <c r="F101" s="316">
        <v>0.10707052152195849</v>
      </c>
      <c r="G101" s="315">
        <v>0.22722923142852239</v>
      </c>
      <c r="H101" s="316">
        <v>9.1546248273139244E-2</v>
      </c>
      <c r="I101" s="315">
        <v>0.24592599288322017</v>
      </c>
      <c r="J101" s="316">
        <v>9.3770544918082427E-2</v>
      </c>
      <c r="K101" s="315">
        <v>0</v>
      </c>
      <c r="L101" s="314">
        <v>3.2134798233390625E-2</v>
      </c>
      <c r="M101" s="317">
        <v>86</v>
      </c>
      <c r="N101" s="313">
        <v>3.4176254639445043</v>
      </c>
      <c r="O101" s="315">
        <v>0.39254211234066239</v>
      </c>
      <c r="P101" s="315">
        <v>0.5590007112988562</v>
      </c>
      <c r="Q101" s="316">
        <v>0.10473701872023262</v>
      </c>
      <c r="R101" s="315">
        <v>0.14709347634011855</v>
      </c>
      <c r="S101" s="316">
        <v>7.7826435051385395E-2</v>
      </c>
      <c r="T101" s="315">
        <v>0.29390581236102598</v>
      </c>
      <c r="U101" s="316">
        <v>9.6888670130439031E-2</v>
      </c>
      <c r="V101" s="315">
        <v>0</v>
      </c>
      <c r="W101" s="316">
        <v>3.1075817723560044E-2</v>
      </c>
    </row>
    <row r="102" spans="1:23">
      <c r="A102" s="44" t="s">
        <v>538</v>
      </c>
      <c r="B102" s="44">
        <v>63</v>
      </c>
      <c r="C102" s="175">
        <v>4.0173190151994831</v>
      </c>
      <c r="D102" s="127">
        <v>0.45552775507445203</v>
      </c>
      <c r="E102" s="194">
        <v>0.40756844600597625</v>
      </c>
      <c r="F102" s="92">
        <v>0.12030957247334935</v>
      </c>
      <c r="G102" s="194">
        <v>9.3077045047891022E-2</v>
      </c>
      <c r="H102" s="92">
        <v>7.8643352232488528E-2</v>
      </c>
      <c r="I102" s="194">
        <v>0.49935450894613231</v>
      </c>
      <c r="J102" s="92">
        <v>0.12216935434341578</v>
      </c>
      <c r="K102" s="194">
        <v>0</v>
      </c>
      <c r="L102" s="127">
        <v>4.1580477060619639E-2</v>
      </c>
      <c r="M102" s="44">
        <v>64</v>
      </c>
      <c r="N102" s="175">
        <v>2.7589612630749496</v>
      </c>
      <c r="O102" s="194">
        <v>0.4258757827015604</v>
      </c>
      <c r="P102" s="194">
        <v>0.70931593714025265</v>
      </c>
      <c r="Q102" s="92">
        <v>0.1114581761224033</v>
      </c>
      <c r="R102" s="194">
        <v>6.7618257234730528E-2</v>
      </c>
      <c r="S102" s="92">
        <v>7.0458045024556368E-2</v>
      </c>
      <c r="T102" s="194">
        <v>0.22306580562501629</v>
      </c>
      <c r="U102" s="92">
        <v>0.10348763283741721</v>
      </c>
      <c r="V102" s="194">
        <v>0</v>
      </c>
      <c r="W102" s="92">
        <v>4.097826741289623E-2</v>
      </c>
    </row>
    <row r="103" spans="1:23">
      <c r="A103" s="40" t="s">
        <v>539</v>
      </c>
      <c r="B103" s="317">
        <v>64</v>
      </c>
      <c r="C103" s="313">
        <v>3.7560990292380332</v>
      </c>
      <c r="D103" s="314">
        <v>0.44776572751244464</v>
      </c>
      <c r="E103" s="315">
        <v>0.33472293985021812</v>
      </c>
      <c r="F103" s="316">
        <v>0.1152497745983066</v>
      </c>
      <c r="G103" s="315">
        <v>0.22878553156246173</v>
      </c>
      <c r="H103" s="316">
        <v>0.10427395681792002</v>
      </c>
      <c r="I103" s="315">
        <v>0.38717527404401636</v>
      </c>
      <c r="J103" s="316">
        <v>0.11850145530553292</v>
      </c>
      <c r="K103" s="315">
        <v>4.9316254543303704E-2</v>
      </c>
      <c r="L103" s="314">
        <v>6.420432439223292E-2</v>
      </c>
      <c r="M103" s="317">
        <v>64</v>
      </c>
      <c r="N103" s="313">
        <v>4.5101349498162691</v>
      </c>
      <c r="O103" s="315">
        <v>0.46561677729598644</v>
      </c>
      <c r="P103" s="315">
        <v>0.29236949595117045</v>
      </c>
      <c r="Q103" s="316">
        <v>0.1116223195085304</v>
      </c>
      <c r="R103" s="315">
        <v>9.3476530016703072E-2</v>
      </c>
      <c r="S103" s="316">
        <v>7.806834842566554E-2</v>
      </c>
      <c r="T103" s="315">
        <v>0.59447159677168859</v>
      </c>
      <c r="U103" s="316">
        <v>0.11933497629499044</v>
      </c>
      <c r="V103" s="315">
        <v>1.9682377260437919E-2</v>
      </c>
      <c r="W103" s="316">
        <v>5.1813273867848834E-2</v>
      </c>
    </row>
    <row r="104" spans="1:23">
      <c r="A104" s="44" t="s">
        <v>540</v>
      </c>
      <c r="B104" s="44">
        <v>76</v>
      </c>
      <c r="C104" s="175">
        <v>2.8212642307176128</v>
      </c>
      <c r="D104" s="127">
        <v>0.35575766493333361</v>
      </c>
      <c r="E104" s="194">
        <v>0.7268942242818488</v>
      </c>
      <c r="F104" s="92">
        <v>0.10088072348478008</v>
      </c>
      <c r="G104" s="194">
        <v>0.10273877288834588</v>
      </c>
      <c r="H104" s="92">
        <v>7.3338470288093982E-2</v>
      </c>
      <c r="I104" s="194">
        <v>0.17036700282980471</v>
      </c>
      <c r="J104" s="92">
        <v>8.7159690705301412E-2</v>
      </c>
      <c r="K104" s="194">
        <v>0</v>
      </c>
      <c r="L104" s="127">
        <v>3.4910600109422353E-2</v>
      </c>
      <c r="M104" s="44">
        <v>77</v>
      </c>
      <c r="N104" s="175">
        <v>2.4079387425379983</v>
      </c>
      <c r="O104" s="194">
        <v>0.34869744572614436</v>
      </c>
      <c r="P104" s="194">
        <v>0.8097835150801348</v>
      </c>
      <c r="Q104" s="92">
        <v>8.9794897367086041E-2</v>
      </c>
      <c r="R104" s="194">
        <v>7.6869796705546542E-2</v>
      </c>
      <c r="S104" s="92">
        <v>6.5999288286536256E-2</v>
      </c>
      <c r="T104" s="194">
        <v>0.11334668821431837</v>
      </c>
      <c r="U104" s="92">
        <v>7.5326497719061594E-2</v>
      </c>
      <c r="V104" s="194">
        <v>0</v>
      </c>
      <c r="W104" s="92">
        <v>3.4485061975244265E-2</v>
      </c>
    </row>
    <row r="105" spans="1:23">
      <c r="A105" s="40" t="s">
        <v>541</v>
      </c>
      <c r="B105" s="312">
        <v>77</v>
      </c>
      <c r="C105" s="313">
        <v>3.9362647447602153</v>
      </c>
      <c r="D105" s="314">
        <v>0.35018568367246511</v>
      </c>
      <c r="E105" s="315">
        <v>0.37113299018287998</v>
      </c>
      <c r="F105" s="316">
        <v>0.10772460642785515</v>
      </c>
      <c r="G105" s="315">
        <v>0.21808656033775287</v>
      </c>
      <c r="H105" s="316">
        <v>9.3803156490248646E-2</v>
      </c>
      <c r="I105" s="315">
        <v>0.41078044947936787</v>
      </c>
      <c r="J105" s="316">
        <v>0.10950092063832484</v>
      </c>
      <c r="K105" s="315">
        <v>0</v>
      </c>
      <c r="L105" s="314">
        <v>3.4485061975244265E-2</v>
      </c>
      <c r="M105" s="312">
        <v>76</v>
      </c>
      <c r="N105" s="313">
        <v>2.6463377024983434</v>
      </c>
      <c r="O105" s="315">
        <v>0.40482081121982338</v>
      </c>
      <c r="P105" s="315">
        <v>0.69995119451430166</v>
      </c>
      <c r="Q105" s="316">
        <v>0.10342089165894004</v>
      </c>
      <c r="R105" s="315">
        <v>0.10098877643350372</v>
      </c>
      <c r="S105" s="316">
        <v>7.2908509184402032E-2</v>
      </c>
      <c r="T105" s="315">
        <v>0.19906002905219583</v>
      </c>
      <c r="U105" s="316">
        <v>9.1723826875042713E-2</v>
      </c>
      <c r="V105" s="315">
        <v>0</v>
      </c>
      <c r="W105" s="316">
        <v>3.4910600109422353E-2</v>
      </c>
    </row>
    <row r="106" spans="1:23">
      <c r="A106" s="44" t="s">
        <v>542</v>
      </c>
      <c r="B106" s="192">
        <v>596</v>
      </c>
      <c r="C106" s="175">
        <v>4.0450843450569476</v>
      </c>
      <c r="D106" s="127">
        <v>0.13133197540961622</v>
      </c>
      <c r="E106" s="194">
        <v>0.34956108677182884</v>
      </c>
      <c r="F106" s="92">
        <v>3.8958857422285775E-2</v>
      </c>
      <c r="G106" s="194">
        <v>0.21251934027869987</v>
      </c>
      <c r="H106" s="92">
        <v>3.3511503719586645E-2</v>
      </c>
      <c r="I106" s="194">
        <v>0.43791957294946549</v>
      </c>
      <c r="J106" s="92">
        <v>4.0513144836505643E-2</v>
      </c>
      <c r="K106" s="194">
        <v>0</v>
      </c>
      <c r="L106" s="127">
        <v>4.7061819076771941E-3</v>
      </c>
      <c r="M106" s="192">
        <v>602</v>
      </c>
      <c r="N106" s="175">
        <v>3.1320907580025397</v>
      </c>
      <c r="O106" s="194">
        <v>0.14412572423248285</v>
      </c>
      <c r="P106" s="194">
        <v>0.59581343079117544</v>
      </c>
      <c r="Q106" s="92">
        <v>3.9879403804949559E-2</v>
      </c>
      <c r="R106" s="194">
        <v>0.13003254577060161</v>
      </c>
      <c r="S106" s="92">
        <v>2.7542354075444402E-2</v>
      </c>
      <c r="T106" s="194">
        <v>0.24768078136500704</v>
      </c>
      <c r="U106" s="92">
        <v>3.5149158827807898E-2</v>
      </c>
      <c r="V106" s="194">
        <v>2.6473242073210841E-2</v>
      </c>
      <c r="W106" s="92">
        <v>1.3769133803655248E-2</v>
      </c>
    </row>
    <row r="107" spans="1:23">
      <c r="A107" s="40" t="s">
        <v>543</v>
      </c>
      <c r="B107" s="318">
        <v>56</v>
      </c>
      <c r="C107" s="313">
        <v>4.3787185399727111</v>
      </c>
      <c r="D107" s="314">
        <v>0.41915065636030302</v>
      </c>
      <c r="E107" s="315">
        <v>0.29230188304631116</v>
      </c>
      <c r="F107" s="316">
        <v>0.11900183935574776</v>
      </c>
      <c r="G107" s="315">
        <v>0.12088017085138592</v>
      </c>
      <c r="H107" s="316">
        <v>9.121169257190144E-2</v>
      </c>
      <c r="I107" s="315">
        <v>0.58681794610230331</v>
      </c>
      <c r="J107" s="316">
        <v>0.12739286365265079</v>
      </c>
      <c r="K107" s="315">
        <v>0</v>
      </c>
      <c r="L107" s="314">
        <v>4.6348119143587135E-2</v>
      </c>
      <c r="M107" s="318">
        <v>58</v>
      </c>
      <c r="N107" s="313">
        <v>2.4264737787252972</v>
      </c>
      <c r="O107" s="315">
        <v>0.37940586159184586</v>
      </c>
      <c r="P107" s="315">
        <v>0.82055845937836369</v>
      </c>
      <c r="Q107" s="316">
        <v>0.10162347451270409</v>
      </c>
      <c r="R107" s="315">
        <v>8.8233729977189701E-2</v>
      </c>
      <c r="S107" s="316">
        <v>8.0970093034146831E-2</v>
      </c>
      <c r="T107" s="315">
        <v>9.1207810644446899E-2</v>
      </c>
      <c r="U107" s="316">
        <v>8.1816510311134405E-2</v>
      </c>
      <c r="V107" s="315">
        <v>0</v>
      </c>
      <c r="W107" s="316">
        <v>4.4877957654209835E-2</v>
      </c>
    </row>
    <row r="108" spans="1:23">
      <c r="A108" s="44" t="s">
        <v>550</v>
      </c>
      <c r="B108" s="192">
        <v>105</v>
      </c>
      <c r="C108" s="175">
        <v>3.6963568091005348</v>
      </c>
      <c r="D108" s="127">
        <v>0.3073466263324664</v>
      </c>
      <c r="E108" s="194">
        <v>0.4539335676884737</v>
      </c>
      <c r="F108" s="92">
        <v>9.5404648134102737E-2</v>
      </c>
      <c r="G108" s="194">
        <v>0.18803030996785405</v>
      </c>
      <c r="H108" s="92">
        <v>7.6551109427622069E-2</v>
      </c>
      <c r="I108" s="194">
        <v>0.35803612234367166</v>
      </c>
      <c r="J108" s="92">
        <v>9.2130400286827382E-2</v>
      </c>
      <c r="K108" s="194">
        <v>0</v>
      </c>
      <c r="L108" s="127">
        <v>2.5709707484377786E-2</v>
      </c>
      <c r="M108" s="192">
        <v>105</v>
      </c>
      <c r="N108" s="175">
        <v>3.5461491174109314</v>
      </c>
      <c r="O108" s="194">
        <v>0.37737179070724097</v>
      </c>
      <c r="P108" s="194">
        <v>0.49418663033975468</v>
      </c>
      <c r="Q108" s="92">
        <v>9.5776620772162396E-2</v>
      </c>
      <c r="R108" s="194">
        <v>0.14375330666107108</v>
      </c>
      <c r="S108" s="92">
        <v>6.9660251173893031E-2</v>
      </c>
      <c r="T108" s="194">
        <v>0.31425960009408321</v>
      </c>
      <c r="U108" s="92">
        <v>8.9439871021664535E-2</v>
      </c>
      <c r="V108" s="194">
        <v>4.7800462905090726E-2</v>
      </c>
      <c r="W108" s="92">
        <v>4.7020679761112801E-2</v>
      </c>
    </row>
    <row r="109" spans="1:23">
      <c r="A109" s="52" t="s">
        <v>544</v>
      </c>
      <c r="B109" s="312">
        <v>119</v>
      </c>
      <c r="C109" s="313">
        <v>3.8895367064627511</v>
      </c>
      <c r="D109" s="314">
        <v>0.31096611352064935</v>
      </c>
      <c r="E109" s="315">
        <v>0.37732178918808507</v>
      </c>
      <c r="F109" s="316">
        <v>8.7589767807917038E-2</v>
      </c>
      <c r="G109" s="315">
        <v>0.28840048601494689</v>
      </c>
      <c r="H109" s="316">
        <v>8.226280446937094E-2</v>
      </c>
      <c r="I109" s="315">
        <v>0.33427772479696782</v>
      </c>
      <c r="J109" s="316">
        <v>8.5405460616582871E-2</v>
      </c>
      <c r="K109" s="315">
        <v>0</v>
      </c>
      <c r="L109" s="314">
        <v>2.2807622255924295E-2</v>
      </c>
      <c r="M109" s="312">
        <v>121</v>
      </c>
      <c r="N109" s="313">
        <v>3.259781845772185</v>
      </c>
      <c r="O109" s="315">
        <v>0.31010423016024979</v>
      </c>
      <c r="P109" s="315">
        <v>0.57643894345253954</v>
      </c>
      <c r="Q109" s="316">
        <v>8.8457908843429758E-2</v>
      </c>
      <c r="R109" s="315">
        <v>0.18388185707397625</v>
      </c>
      <c r="S109" s="316">
        <v>7.073614164988215E-2</v>
      </c>
      <c r="T109" s="315">
        <v>0.23967919947348468</v>
      </c>
      <c r="U109" s="316">
        <v>7.7252991204937033E-2</v>
      </c>
      <c r="V109" s="315">
        <v>0</v>
      </c>
      <c r="W109" s="316">
        <v>2.2445667733440235E-2</v>
      </c>
    </row>
    <row r="110" spans="1:23">
      <c r="A110" s="44" t="s">
        <v>545</v>
      </c>
      <c r="B110" s="192">
        <v>151</v>
      </c>
      <c r="C110" s="175">
        <v>4.6515353605416232</v>
      </c>
      <c r="D110" s="127">
        <v>0.22814036768450416</v>
      </c>
      <c r="E110" s="194">
        <v>0.18166566006880719</v>
      </c>
      <c r="F110" s="92">
        <v>6.3005590014889104E-2</v>
      </c>
      <c r="G110" s="194">
        <v>0.18558585338242192</v>
      </c>
      <c r="H110" s="92">
        <v>6.3485871868656896E-2</v>
      </c>
      <c r="I110" s="194">
        <v>0.63274848654877114</v>
      </c>
      <c r="J110" s="92">
        <v>7.7588764452763706E-2</v>
      </c>
      <c r="K110" s="194">
        <v>0</v>
      </c>
      <c r="L110" s="127">
        <v>1.8129806198091857E-2</v>
      </c>
      <c r="M110" s="192">
        <v>154</v>
      </c>
      <c r="N110" s="175">
        <v>3.3963839157070725</v>
      </c>
      <c r="O110" s="194">
        <v>0.30398823811766212</v>
      </c>
      <c r="P110" s="194">
        <v>0.51159848052525159</v>
      </c>
      <c r="Q110" s="92">
        <v>7.9535391439120862E-2</v>
      </c>
      <c r="R110" s="194">
        <v>0.12595822006379911</v>
      </c>
      <c r="S110" s="92">
        <v>5.4444720227794181E-2</v>
      </c>
      <c r="T110" s="194">
        <v>0.3040548931412308</v>
      </c>
      <c r="U110" s="92">
        <v>7.352342806576169E-2</v>
      </c>
      <c r="V110" s="194">
        <v>5.8388406269718966E-2</v>
      </c>
      <c r="W110" s="92">
        <v>4.0480868384070709E-2</v>
      </c>
    </row>
    <row r="111" spans="1:23">
      <c r="A111" s="52" t="s">
        <v>546</v>
      </c>
      <c r="B111" s="312">
        <v>71</v>
      </c>
      <c r="C111" s="313">
        <v>3.8366805741896592</v>
      </c>
      <c r="D111" s="314">
        <v>0.39403873728713618</v>
      </c>
      <c r="E111" s="315">
        <v>0.37622020580388382</v>
      </c>
      <c r="F111" s="316">
        <v>0.112254298978131</v>
      </c>
      <c r="G111" s="315">
        <v>0.27042274513076803</v>
      </c>
      <c r="H111" s="316">
        <v>0.10399136082086607</v>
      </c>
      <c r="I111" s="315">
        <v>0.35335704906534787</v>
      </c>
      <c r="J111" s="316">
        <v>0.1109302373221165</v>
      </c>
      <c r="K111" s="315">
        <v>0</v>
      </c>
      <c r="L111" s="314">
        <v>3.7206132509255738E-2</v>
      </c>
      <c r="M111" s="312">
        <v>72</v>
      </c>
      <c r="N111" s="313">
        <v>2.5267729855109007</v>
      </c>
      <c r="O111" s="315">
        <v>0.35108338573809089</v>
      </c>
      <c r="P111" s="315">
        <v>0.72922237810556423</v>
      </c>
      <c r="Q111" s="316">
        <v>0.10332431940105632</v>
      </c>
      <c r="R111" s="315">
        <v>0.10058102167463641</v>
      </c>
      <c r="S111" s="316">
        <v>7.4979213176286211E-2</v>
      </c>
      <c r="T111" s="315">
        <v>0.15784439715697562</v>
      </c>
      <c r="U111" s="316">
        <v>8.7337353949460128E-2</v>
      </c>
      <c r="V111" s="315">
        <v>1.2352203062822803E-2</v>
      </c>
      <c r="W111" s="316">
        <v>4.387333301420817E-2</v>
      </c>
    </row>
    <row r="112" spans="1:23">
      <c r="A112" s="44" t="s">
        <v>547</v>
      </c>
      <c r="B112" s="192">
        <v>94</v>
      </c>
      <c r="C112" s="175">
        <v>3.5675315007722483</v>
      </c>
      <c r="D112" s="127">
        <v>0.32305223529661742</v>
      </c>
      <c r="E112" s="194">
        <v>0.50436655766908578</v>
      </c>
      <c r="F112" s="92">
        <v>0.10101171035060719</v>
      </c>
      <c r="G112" s="194">
        <v>0.18009354497722821</v>
      </c>
      <c r="H112" s="92">
        <v>7.9755662920887913E-2</v>
      </c>
      <c r="I112" s="194">
        <v>0.31553989735368476</v>
      </c>
      <c r="J112" s="92">
        <v>9.4479320526950336E-2</v>
      </c>
      <c r="K112" s="194">
        <v>0</v>
      </c>
      <c r="L112" s="127">
        <v>2.8565478049949598E-2</v>
      </c>
      <c r="M112" s="192">
        <v>92</v>
      </c>
      <c r="N112" s="175">
        <v>2.8261640569543824</v>
      </c>
      <c r="O112" s="194">
        <v>0.36911024522196245</v>
      </c>
      <c r="P112" s="194">
        <v>0.68636613095027665</v>
      </c>
      <c r="Q112" s="92">
        <v>9.5328757307009959E-2</v>
      </c>
      <c r="R112" s="194">
        <v>7.7240482569903887E-2</v>
      </c>
      <c r="S112" s="92">
        <v>5.9811475941699596E-2</v>
      </c>
      <c r="T112" s="194">
        <v>0.2363933864798182</v>
      </c>
      <c r="U112" s="92">
        <v>8.8077053750061959E-2</v>
      </c>
      <c r="V112" s="194">
        <v>0</v>
      </c>
      <c r="W112" s="92">
        <v>2.9154263235671291E-2</v>
      </c>
    </row>
    <row r="113" spans="1:23">
      <c r="A113" s="52" t="s">
        <v>551</v>
      </c>
      <c r="B113" s="312">
        <v>745</v>
      </c>
      <c r="C113" s="313">
        <v>4.9063582655350855</v>
      </c>
      <c r="D113" s="314">
        <v>0.11575645870676944</v>
      </c>
      <c r="E113" s="315">
        <v>0.18472291131037313</v>
      </c>
      <c r="F113" s="316">
        <v>2.8459251158604534E-2</v>
      </c>
      <c r="G113" s="315">
        <v>0.15007971320243332</v>
      </c>
      <c r="H113" s="316">
        <v>2.6233023350845586E-2</v>
      </c>
      <c r="I113" s="315">
        <v>0.65412809672148953</v>
      </c>
      <c r="J113" s="316">
        <v>3.477930282985052E-2</v>
      </c>
      <c r="K113" s="315">
        <v>1.1069278765703475E-2</v>
      </c>
      <c r="L113" s="314">
        <v>8.4888170118225109E-3</v>
      </c>
      <c r="M113" s="312">
        <v>748</v>
      </c>
      <c r="N113" s="313">
        <v>5.2639853060054769</v>
      </c>
      <c r="O113" s="315">
        <v>0.12665981771822371</v>
      </c>
      <c r="P113" s="315">
        <v>0.15653181367874711</v>
      </c>
      <c r="Q113" s="316">
        <v>2.6625982292372362E-2</v>
      </c>
      <c r="R113" s="315">
        <v>0.11236430835879462</v>
      </c>
      <c r="S113" s="316">
        <v>2.3216470333507194E-2</v>
      </c>
      <c r="T113" s="315">
        <v>0.71570898648530412</v>
      </c>
      <c r="U113" s="316">
        <v>3.2937991431386322E-2</v>
      </c>
      <c r="V113" s="315">
        <v>1.5394891477152495E-2</v>
      </c>
      <c r="W113" s="316">
        <v>9.6892034278822942E-3</v>
      </c>
    </row>
    <row r="114" spans="1:23">
      <c r="A114" s="44" t="s">
        <v>552</v>
      </c>
      <c r="B114" s="192">
        <v>209</v>
      </c>
      <c r="C114" s="175">
        <v>5.1306830399735892</v>
      </c>
      <c r="D114" s="127">
        <v>0.20083777453447069</v>
      </c>
      <c r="E114" s="194">
        <v>0.13062252020729528</v>
      </c>
      <c r="F114" s="92">
        <v>4.7200830880221353E-2</v>
      </c>
      <c r="G114" s="194">
        <v>0.11716914930439101</v>
      </c>
      <c r="H114" s="92">
        <v>4.5221091555575327E-2</v>
      </c>
      <c r="I114" s="194">
        <v>0.74766242142163686</v>
      </c>
      <c r="J114" s="92">
        <v>5.9881795720761619E-2</v>
      </c>
      <c r="K114" s="194">
        <v>4.5459090666767751E-3</v>
      </c>
      <c r="L114" s="127">
        <v>1.6015475434000823E-2</v>
      </c>
      <c r="M114" s="192">
        <v>211</v>
      </c>
      <c r="N114" s="175">
        <v>5.4286002712662738</v>
      </c>
      <c r="O114" s="194">
        <v>0.23569445085664728</v>
      </c>
      <c r="P114" s="194">
        <v>0.13456548330381468</v>
      </c>
      <c r="Q114" s="92">
        <v>4.7520944628468731E-2</v>
      </c>
      <c r="R114" s="194">
        <v>0.10260888777285723</v>
      </c>
      <c r="S114" s="92">
        <v>4.2678184484853394E-2</v>
      </c>
      <c r="T114" s="194">
        <v>0.75030680538817951</v>
      </c>
      <c r="U114" s="92">
        <v>5.9401058582032568E-2</v>
      </c>
      <c r="V114" s="194">
        <v>1.2518823535148558E-2</v>
      </c>
      <c r="W114" s="92">
        <v>1.9823494931384817E-2</v>
      </c>
    </row>
    <row r="115" spans="1:23">
      <c r="A115" s="52" t="s">
        <v>553</v>
      </c>
      <c r="B115" s="312">
        <v>268</v>
      </c>
      <c r="C115" s="313">
        <v>4.7228104295201669</v>
      </c>
      <c r="D115" s="314">
        <v>0.19792091987539817</v>
      </c>
      <c r="E115" s="315">
        <v>0.22325249934042796</v>
      </c>
      <c r="F115" s="316">
        <v>5.0823639762218556E-2</v>
      </c>
      <c r="G115" s="315">
        <v>0.15934629349615428</v>
      </c>
      <c r="H115" s="316">
        <v>4.4941635798087035E-2</v>
      </c>
      <c r="I115" s="315">
        <v>0.60049437938961003</v>
      </c>
      <c r="J115" s="316">
        <v>5.9433072664944173E-2</v>
      </c>
      <c r="K115" s="315">
        <v>1.6906827773808468E-2</v>
      </c>
      <c r="L115" s="314">
        <v>1.8564119538282683E-2</v>
      </c>
      <c r="M115" s="312">
        <v>271</v>
      </c>
      <c r="N115" s="313">
        <v>5.2165323210434682</v>
      </c>
      <c r="O115" s="315">
        <v>0.20855665826542655</v>
      </c>
      <c r="P115" s="315">
        <v>0.16132980444722514</v>
      </c>
      <c r="Q115" s="316">
        <v>4.4902299864214804E-2</v>
      </c>
      <c r="R115" s="315">
        <v>0.11615717847564538</v>
      </c>
      <c r="S115" s="316">
        <v>3.9435956781963689E-2</v>
      </c>
      <c r="T115" s="315">
        <v>0.70334660204567456</v>
      </c>
      <c r="U115" s="316">
        <v>5.5247452001233342E-2</v>
      </c>
      <c r="V115" s="315">
        <v>1.9166415031455483E-2</v>
      </c>
      <c r="W115" s="316">
        <v>1.9249932703685742E-2</v>
      </c>
    </row>
    <row r="116" spans="1:23">
      <c r="A116" s="44" t="s">
        <v>554</v>
      </c>
      <c r="B116" s="192">
        <v>238</v>
      </c>
      <c r="C116" s="175">
        <v>4.8738698167321663</v>
      </c>
      <c r="D116" s="127">
        <v>0.21506597592341284</v>
      </c>
      <c r="E116" s="194">
        <v>0.20251659199280209</v>
      </c>
      <c r="F116" s="92">
        <v>5.2129042740999561E-2</v>
      </c>
      <c r="G116" s="194">
        <v>0.15714163273400678</v>
      </c>
      <c r="H116" s="92">
        <v>4.7464999910039246E-2</v>
      </c>
      <c r="I116" s="194">
        <v>0.63318796550986511</v>
      </c>
      <c r="J116" s="92">
        <v>6.2037383264031395E-2</v>
      </c>
      <c r="K116" s="194">
        <v>7.153809763326714E-3</v>
      </c>
      <c r="L116" s="127">
        <v>1.5780486398344094E-2</v>
      </c>
      <c r="M116" s="192">
        <v>236</v>
      </c>
      <c r="N116" s="175">
        <v>5.1710025255832308</v>
      </c>
      <c r="O116" s="194">
        <v>0.23627209564449658</v>
      </c>
      <c r="P116" s="194">
        <v>0.18083377023130875</v>
      </c>
      <c r="Q116" s="92">
        <v>5.0249409742968112E-2</v>
      </c>
      <c r="R116" s="194">
        <v>0.11027917962765592</v>
      </c>
      <c r="S116" s="92">
        <v>4.1460470443403313E-2</v>
      </c>
      <c r="T116" s="194">
        <v>0.70028583347019424</v>
      </c>
      <c r="U116" s="92">
        <v>5.9331215672091993E-2</v>
      </c>
      <c r="V116" s="194">
        <v>8.6012166708415751E-3</v>
      </c>
      <c r="W116" s="92">
        <v>1.6587772663765578E-2</v>
      </c>
    </row>
    <row r="119" spans="1:23" ht="18.75">
      <c r="A119" s="344" t="s">
        <v>418</v>
      </c>
      <c r="B119" s="344"/>
      <c r="C119" s="344"/>
      <c r="D119" s="344"/>
    </row>
    <row r="120" spans="1:23" ht="138.75" customHeight="1">
      <c r="A120" s="402" t="s">
        <v>604</v>
      </c>
      <c r="B120" s="402"/>
      <c r="C120" s="402"/>
      <c r="D120" s="402"/>
    </row>
    <row r="121" spans="1:23" ht="15.75">
      <c r="A121" s="412" t="s">
        <v>419</v>
      </c>
      <c r="B121" s="351"/>
      <c r="C121" s="351"/>
      <c r="D121" s="351"/>
    </row>
    <row r="122" spans="1:23" ht="72">
      <c r="A122" s="32" t="s">
        <v>71</v>
      </c>
      <c r="B122" s="33" t="s">
        <v>72</v>
      </c>
      <c r="C122" s="34" t="s">
        <v>593</v>
      </c>
      <c r="D122" s="35" t="s">
        <v>73</v>
      </c>
    </row>
    <row r="123" spans="1:23" ht="72">
      <c r="A123" s="36"/>
      <c r="B123" s="37" t="s">
        <v>74</v>
      </c>
      <c r="C123" s="123" t="s">
        <v>304</v>
      </c>
      <c r="D123" s="39" t="s">
        <v>76</v>
      </c>
    </row>
    <row r="124" spans="1:23">
      <c r="A124" s="40" t="s">
        <v>350</v>
      </c>
      <c r="B124" s="161">
        <v>12483</v>
      </c>
      <c r="C124" s="162">
        <v>5.0549627128288224</v>
      </c>
      <c r="D124" s="81">
        <v>2.3991524523542411E-2</v>
      </c>
    </row>
    <row r="125" spans="1:23">
      <c r="A125" s="44" t="s">
        <v>351</v>
      </c>
      <c r="B125" s="44">
        <v>8844</v>
      </c>
      <c r="C125" s="164">
        <v>4.8992552294447611</v>
      </c>
      <c r="D125" s="82">
        <v>2.9705474198317244E-2</v>
      </c>
    </row>
    <row r="126" spans="1:23">
      <c r="A126" s="40" t="s">
        <v>352</v>
      </c>
      <c r="B126" s="48">
        <v>3639</v>
      </c>
      <c r="C126" s="162">
        <v>5.1803805066753794</v>
      </c>
      <c r="D126" s="81">
        <v>3.8200202057961007E-2</v>
      </c>
    </row>
    <row r="127" spans="1:23">
      <c r="A127" s="44" t="s">
        <v>534</v>
      </c>
      <c r="B127" s="44">
        <v>2693</v>
      </c>
      <c r="C127" s="164">
        <v>5.1818213585471948</v>
      </c>
      <c r="D127" s="82">
        <v>5.126583973467029E-2</v>
      </c>
    </row>
    <row r="128" spans="1:23">
      <c r="A128" s="40" t="s">
        <v>535</v>
      </c>
      <c r="B128" s="48">
        <v>2025</v>
      </c>
      <c r="C128" s="162">
        <v>5.0017949106583997</v>
      </c>
      <c r="D128" s="81">
        <v>6.0913722121600115E-2</v>
      </c>
    </row>
    <row r="129" spans="1:4">
      <c r="A129" s="44" t="s">
        <v>536</v>
      </c>
      <c r="B129" s="44">
        <v>294</v>
      </c>
      <c r="C129" s="164">
        <v>4.7590834390227554</v>
      </c>
      <c r="D129" s="82">
        <v>0.15399806723053486</v>
      </c>
    </row>
    <row r="130" spans="1:4">
      <c r="A130" s="40" t="s">
        <v>537</v>
      </c>
      <c r="B130" s="48">
        <v>73</v>
      </c>
      <c r="C130" s="162">
        <v>4.9514977633751736</v>
      </c>
      <c r="D130" s="81">
        <v>0.27442723651978396</v>
      </c>
    </row>
    <row r="131" spans="1:4">
      <c r="A131" s="44" t="s">
        <v>538</v>
      </c>
      <c r="B131" s="44">
        <v>51</v>
      </c>
      <c r="C131" s="164">
        <v>4.1289131917761575</v>
      </c>
      <c r="D131" s="82">
        <v>0.44106500107153551</v>
      </c>
    </row>
    <row r="132" spans="1:4">
      <c r="A132" s="40" t="s">
        <v>539</v>
      </c>
      <c r="B132" s="48">
        <v>57</v>
      </c>
      <c r="C132" s="162">
        <v>5.1462247748064192</v>
      </c>
      <c r="D132" s="81">
        <v>0.2816570610591152</v>
      </c>
    </row>
    <row r="133" spans="1:4">
      <c r="A133" s="44" t="s">
        <v>540</v>
      </c>
      <c r="B133" s="44">
        <v>55</v>
      </c>
      <c r="C133" s="164">
        <v>4.7667671877826763</v>
      </c>
      <c r="D133" s="82">
        <v>0.35306150601737263</v>
      </c>
    </row>
    <row r="134" spans="1:4">
      <c r="A134" s="40" t="s">
        <v>541</v>
      </c>
      <c r="B134" s="161">
        <v>58</v>
      </c>
      <c r="C134" s="162">
        <v>4.6600461467191838</v>
      </c>
      <c r="D134" s="81">
        <v>0.33869759128918592</v>
      </c>
    </row>
    <row r="135" spans="1:4">
      <c r="A135" s="44" t="s">
        <v>542</v>
      </c>
      <c r="B135" s="163">
        <v>480</v>
      </c>
      <c r="C135" s="164">
        <v>5.0000391591795532</v>
      </c>
      <c r="D135" s="82">
        <v>0.1203354772143552</v>
      </c>
    </row>
    <row r="136" spans="1:4">
      <c r="A136" s="40" t="s">
        <v>543</v>
      </c>
      <c r="B136" s="78">
        <v>47</v>
      </c>
      <c r="C136" s="162">
        <v>4.8843087519689847</v>
      </c>
      <c r="D136" s="81">
        <v>0.43382685967775009</v>
      </c>
    </row>
    <row r="137" spans="1:4">
      <c r="A137" s="44" t="s">
        <v>550</v>
      </c>
      <c r="B137" s="163">
        <v>95</v>
      </c>
      <c r="C137" s="164">
        <v>4.5295736061459335</v>
      </c>
      <c r="D137" s="82">
        <v>0.27413634478553423</v>
      </c>
    </row>
    <row r="138" spans="1:4">
      <c r="A138" s="52" t="s">
        <v>544</v>
      </c>
      <c r="B138" s="161">
        <v>87</v>
      </c>
      <c r="C138" s="162">
        <v>5.3369353249914573</v>
      </c>
      <c r="D138" s="81">
        <v>0.28285744322581063</v>
      </c>
    </row>
    <row r="139" spans="1:4">
      <c r="A139" s="44" t="s">
        <v>545</v>
      </c>
      <c r="B139" s="163">
        <v>128</v>
      </c>
      <c r="C139" s="164">
        <v>5.4143387369442202</v>
      </c>
      <c r="D139" s="82">
        <v>0.18362701563354453</v>
      </c>
    </row>
    <row r="140" spans="1:4">
      <c r="A140" s="52" t="s">
        <v>546</v>
      </c>
      <c r="B140" s="161">
        <v>63</v>
      </c>
      <c r="C140" s="162">
        <v>4.5973521227980942</v>
      </c>
      <c r="D140" s="81">
        <v>0.3549461124962901</v>
      </c>
    </row>
    <row r="141" spans="1:4">
      <c r="A141" s="44" t="s">
        <v>547</v>
      </c>
      <c r="B141" s="163">
        <v>60</v>
      </c>
      <c r="C141" s="164">
        <v>4.7711877922615908</v>
      </c>
      <c r="D141" s="82">
        <v>0.34150858008857687</v>
      </c>
    </row>
    <row r="142" spans="1:4">
      <c r="A142" s="52" t="s">
        <v>551</v>
      </c>
      <c r="B142" s="161">
        <v>717</v>
      </c>
      <c r="C142" s="162">
        <v>5.2605241039263335</v>
      </c>
      <c r="D142" s="81">
        <v>8.9520058735767932E-2</v>
      </c>
    </row>
    <row r="143" spans="1:4">
      <c r="A143" s="44" t="s">
        <v>552</v>
      </c>
      <c r="B143" s="163">
        <v>202</v>
      </c>
      <c r="C143" s="164">
        <v>5.4589872947285887</v>
      </c>
      <c r="D143" s="82">
        <v>0.17471100411927301</v>
      </c>
    </row>
    <row r="144" spans="1:4">
      <c r="A144" s="52" t="s">
        <v>553</v>
      </c>
      <c r="B144" s="161">
        <v>262</v>
      </c>
      <c r="C144" s="162">
        <v>5.1670673849872157</v>
      </c>
      <c r="D144" s="81">
        <v>0.14445426541888054</v>
      </c>
    </row>
    <row r="145" spans="1:34">
      <c r="A145" s="44" t="s">
        <v>554</v>
      </c>
      <c r="B145" s="163">
        <v>224</v>
      </c>
      <c r="C145" s="164">
        <v>5.2003538219952201</v>
      </c>
      <c r="D145" s="82">
        <v>0.16017020151265152</v>
      </c>
    </row>
    <row r="148" spans="1:34" ht="18.75">
      <c r="A148" s="344" t="s">
        <v>511</v>
      </c>
      <c r="B148" s="344"/>
      <c r="C148" s="344"/>
      <c r="D148" s="344"/>
      <c r="E148" s="344"/>
      <c r="F148" s="344"/>
      <c r="G148" s="344"/>
      <c r="H148" s="344"/>
      <c r="I148" s="344"/>
      <c r="J148" s="344"/>
      <c r="K148" s="344"/>
      <c r="L148" s="344"/>
      <c r="M148" s="344"/>
      <c r="N148" s="344"/>
      <c r="O148" s="344"/>
      <c r="P148" s="344"/>
      <c r="Q148" s="344"/>
      <c r="R148" s="344"/>
      <c r="S148" s="344"/>
      <c r="T148" s="344"/>
      <c r="U148" s="344"/>
      <c r="V148" s="344"/>
      <c r="W148" s="344"/>
      <c r="X148" s="344"/>
      <c r="Y148" s="344"/>
      <c r="Z148" s="344"/>
      <c r="AA148" s="344"/>
      <c r="AB148" s="344"/>
      <c r="AC148" s="344"/>
      <c r="AD148" s="344"/>
      <c r="AE148" s="344"/>
      <c r="AF148" s="344"/>
      <c r="AG148" s="344"/>
      <c r="AH148" s="344"/>
    </row>
    <row r="149" spans="1:34" ht="54" customHeight="1">
      <c r="A149" s="416" t="s">
        <v>532</v>
      </c>
      <c r="B149" s="416"/>
      <c r="C149" s="416"/>
      <c r="D149" s="416"/>
      <c r="E149" s="416"/>
      <c r="F149" s="416"/>
      <c r="G149" s="416"/>
      <c r="H149" s="416"/>
      <c r="I149" s="416"/>
      <c r="J149" s="416"/>
      <c r="K149" s="416"/>
      <c r="L149" s="416"/>
      <c r="M149" s="416"/>
      <c r="N149" s="416"/>
      <c r="O149" s="416"/>
      <c r="P149" s="416"/>
      <c r="Q149" s="416"/>
      <c r="R149" s="416"/>
      <c r="S149" s="416"/>
      <c r="T149" s="416"/>
      <c r="U149" s="416"/>
      <c r="V149" s="416"/>
      <c r="W149" s="416"/>
      <c r="X149" s="416"/>
      <c r="Y149" s="416"/>
      <c r="Z149" s="416"/>
      <c r="AA149" s="416"/>
      <c r="AB149" s="416"/>
      <c r="AC149" s="416"/>
      <c r="AD149" s="416"/>
      <c r="AE149" s="416"/>
      <c r="AF149" s="416"/>
      <c r="AG149" s="416"/>
      <c r="AH149" s="416"/>
    </row>
    <row r="150" spans="1:34" ht="37.5" customHeight="1">
      <c r="A150" s="59"/>
      <c r="B150" s="393" t="s">
        <v>237</v>
      </c>
      <c r="C150" s="394"/>
      <c r="D150" s="394"/>
      <c r="E150" s="394"/>
      <c r="F150" s="394"/>
      <c r="G150" s="394"/>
      <c r="H150" s="394"/>
      <c r="I150" s="394"/>
      <c r="J150" s="394"/>
      <c r="K150" s="394"/>
      <c r="L150" s="395"/>
      <c r="M150" s="393" t="s">
        <v>420</v>
      </c>
      <c r="N150" s="394"/>
      <c r="O150" s="394"/>
      <c r="P150" s="394"/>
      <c r="Q150" s="394"/>
      <c r="R150" s="394"/>
      <c r="S150" s="394"/>
      <c r="T150" s="394"/>
      <c r="U150" s="394"/>
      <c r="V150" s="394"/>
      <c r="W150" s="395"/>
      <c r="X150" s="393" t="s">
        <v>580</v>
      </c>
      <c r="Y150" s="394"/>
      <c r="Z150" s="394"/>
      <c r="AA150" s="394"/>
      <c r="AB150" s="394"/>
      <c r="AC150" s="394"/>
      <c r="AD150" s="394"/>
      <c r="AE150" s="394"/>
      <c r="AF150" s="394"/>
      <c r="AG150" s="394"/>
      <c r="AH150" s="395"/>
    </row>
    <row r="151" spans="1:34" ht="39" customHeight="1">
      <c r="A151" s="32" t="s">
        <v>71</v>
      </c>
      <c r="B151" s="33" t="s">
        <v>72</v>
      </c>
      <c r="C151" s="34" t="s">
        <v>593</v>
      </c>
      <c r="D151" s="35" t="s">
        <v>73</v>
      </c>
      <c r="E151" s="33" t="s">
        <v>312</v>
      </c>
      <c r="F151" s="84" t="s">
        <v>143</v>
      </c>
      <c r="G151" s="33" t="s">
        <v>313</v>
      </c>
      <c r="H151" s="84" t="s">
        <v>144</v>
      </c>
      <c r="I151" s="33" t="s">
        <v>314</v>
      </c>
      <c r="J151" s="84" t="s">
        <v>117</v>
      </c>
      <c r="K151" s="33" t="s">
        <v>301</v>
      </c>
      <c r="L151" s="84" t="s">
        <v>315</v>
      </c>
      <c r="M151" s="60" t="s">
        <v>72</v>
      </c>
      <c r="N151" s="61" t="s">
        <v>593</v>
      </c>
      <c r="O151" s="62" t="s">
        <v>73</v>
      </c>
      <c r="P151" s="60" t="s">
        <v>312</v>
      </c>
      <c r="Q151" s="83" t="s">
        <v>143</v>
      </c>
      <c r="R151" s="60" t="s">
        <v>313</v>
      </c>
      <c r="S151" s="83" t="s">
        <v>144</v>
      </c>
      <c r="T151" s="60" t="s">
        <v>314</v>
      </c>
      <c r="U151" s="83" t="s">
        <v>117</v>
      </c>
      <c r="V151" s="60" t="s">
        <v>301</v>
      </c>
      <c r="W151" s="83" t="s">
        <v>315</v>
      </c>
      <c r="X151" s="33" t="s">
        <v>72</v>
      </c>
      <c r="Y151" s="34" t="s">
        <v>593</v>
      </c>
      <c r="Z151" s="35" t="s">
        <v>73</v>
      </c>
      <c r="AA151" s="33" t="s">
        <v>576</v>
      </c>
      <c r="AB151" s="84" t="s">
        <v>326</v>
      </c>
      <c r="AC151" s="33" t="s">
        <v>327</v>
      </c>
      <c r="AD151" s="84" t="s">
        <v>328</v>
      </c>
      <c r="AE151" s="33" t="s">
        <v>299</v>
      </c>
      <c r="AF151" s="84" t="s">
        <v>329</v>
      </c>
      <c r="AG151" s="33" t="s">
        <v>301</v>
      </c>
      <c r="AH151" s="84" t="s">
        <v>315</v>
      </c>
    </row>
    <row r="152" spans="1:34" ht="72">
      <c r="A152" s="36"/>
      <c r="B152" s="37" t="s">
        <v>74</v>
      </c>
      <c r="C152" s="123" t="s">
        <v>304</v>
      </c>
      <c r="D152" s="39" t="s">
        <v>76</v>
      </c>
      <c r="E152" s="37" t="s">
        <v>159</v>
      </c>
      <c r="F152" s="86" t="s">
        <v>88</v>
      </c>
      <c r="G152" s="37" t="s">
        <v>160</v>
      </c>
      <c r="H152" s="86" t="s">
        <v>88</v>
      </c>
      <c r="I152" s="37" t="s">
        <v>161</v>
      </c>
      <c r="J152" s="86" t="s">
        <v>88</v>
      </c>
      <c r="K152" s="37" t="s">
        <v>301</v>
      </c>
      <c r="L152" s="86" t="s">
        <v>88</v>
      </c>
      <c r="M152" s="63" t="s">
        <v>74</v>
      </c>
      <c r="N152" s="254" t="s">
        <v>304</v>
      </c>
      <c r="O152" s="65" t="s">
        <v>76</v>
      </c>
      <c r="P152" s="63" t="s">
        <v>159</v>
      </c>
      <c r="Q152" s="85" t="s">
        <v>88</v>
      </c>
      <c r="R152" s="63" t="s">
        <v>160</v>
      </c>
      <c r="S152" s="85" t="s">
        <v>88</v>
      </c>
      <c r="T152" s="63" t="s">
        <v>161</v>
      </c>
      <c r="U152" s="85" t="s">
        <v>88</v>
      </c>
      <c r="V152" s="63" t="s">
        <v>301</v>
      </c>
      <c r="W152" s="85" t="s">
        <v>88</v>
      </c>
      <c r="X152" s="37" t="s">
        <v>74</v>
      </c>
      <c r="Y152" s="123" t="s">
        <v>577</v>
      </c>
      <c r="Z152" s="39" t="s">
        <v>76</v>
      </c>
      <c r="AA152" s="37" t="s">
        <v>161</v>
      </c>
      <c r="AB152" s="86" t="s">
        <v>88</v>
      </c>
      <c r="AC152" s="37" t="s">
        <v>160</v>
      </c>
      <c r="AD152" s="86" t="s">
        <v>88</v>
      </c>
      <c r="AE152" s="37" t="s">
        <v>159</v>
      </c>
      <c r="AF152" s="86" t="s">
        <v>88</v>
      </c>
      <c r="AG152" s="37" t="s">
        <v>301</v>
      </c>
      <c r="AH152" s="86" t="s">
        <v>88</v>
      </c>
    </row>
    <row r="153" spans="1:34">
      <c r="A153" s="40" t="s">
        <v>350</v>
      </c>
      <c r="B153" s="191">
        <v>12507</v>
      </c>
      <c r="C153" s="79">
        <v>5.2164135226083417</v>
      </c>
      <c r="D153" s="80">
        <v>3.1099185849462325E-2</v>
      </c>
      <c r="E153" s="193">
        <v>0.15514203479273816</v>
      </c>
      <c r="F153" s="89">
        <v>6.4753985732475374E-3</v>
      </c>
      <c r="G153" s="193">
        <v>0.12937531489276466</v>
      </c>
      <c r="H153" s="89">
        <v>6.0033604623443582E-3</v>
      </c>
      <c r="I153" s="193">
        <v>0.70017979214279147</v>
      </c>
      <c r="J153" s="89">
        <v>8.1930521479739241E-3</v>
      </c>
      <c r="K153" s="193">
        <v>1.5302858171722111E-2</v>
      </c>
      <c r="L153" s="89">
        <v>2.2058467541656158E-3</v>
      </c>
      <c r="M153" s="191">
        <v>12545</v>
      </c>
      <c r="N153" s="79">
        <v>5.5809000888620828</v>
      </c>
      <c r="O153" s="80">
        <v>2.8485804559351402E-2</v>
      </c>
      <c r="P153" s="193">
        <v>0.10303000187141914</v>
      </c>
      <c r="Q153" s="89">
        <v>5.4304039339801496E-3</v>
      </c>
      <c r="R153" s="193">
        <v>9.6175631195178579E-2</v>
      </c>
      <c r="S153" s="89">
        <v>5.2669535092441126E-3</v>
      </c>
      <c r="T153" s="193">
        <v>0.78972530671992347</v>
      </c>
      <c r="U153" s="89">
        <v>7.2765735021415937E-3</v>
      </c>
      <c r="V153" s="193">
        <v>1.1069060213482133E-2</v>
      </c>
      <c r="W153" s="89">
        <v>1.8808994286726034E-3</v>
      </c>
      <c r="X153" s="191">
        <v>12649</v>
      </c>
      <c r="Y153" s="79">
        <v>4.3725237357445605</v>
      </c>
      <c r="Z153" s="80">
        <v>3.2709499857835909E-2</v>
      </c>
      <c r="AA153" s="193">
        <v>0.32826221083340862</v>
      </c>
      <c r="AB153" s="89">
        <v>8.3495282238207486E-3</v>
      </c>
      <c r="AC153" s="193">
        <v>0.18179873847710692</v>
      </c>
      <c r="AD153" s="89">
        <v>6.8588636118216547E-3</v>
      </c>
      <c r="AE153" s="193">
        <v>0.47107177962861668</v>
      </c>
      <c r="AF153" s="89">
        <v>8.8751482471448907E-3</v>
      </c>
      <c r="AG153" s="193">
        <v>1.8867271060888372E-2</v>
      </c>
      <c r="AH153" s="89">
        <v>2.4286310416995554E-3</v>
      </c>
    </row>
    <row r="154" spans="1:34">
      <c r="A154" s="44" t="s">
        <v>351</v>
      </c>
      <c r="B154" s="44">
        <v>8846</v>
      </c>
      <c r="C154" s="175">
        <v>4.980654228510824</v>
      </c>
      <c r="D154" s="127">
        <v>3.8495679022687593E-2</v>
      </c>
      <c r="E154" s="194">
        <v>0.20884742389537184</v>
      </c>
      <c r="F154" s="92">
        <v>8.6437799902133374E-3</v>
      </c>
      <c r="G154" s="194">
        <v>0.13464180845957277</v>
      </c>
      <c r="H154" s="92">
        <v>7.2605747687886713E-3</v>
      </c>
      <c r="I154" s="194">
        <v>0.64666464982328042</v>
      </c>
      <c r="J154" s="92">
        <v>1.0162719522046558E-2</v>
      </c>
      <c r="K154" s="194">
        <v>9.8461178217776994E-3</v>
      </c>
      <c r="L154" s="92">
        <v>2.1223905715983872E-3</v>
      </c>
      <c r="M154" s="44">
        <v>8864</v>
      </c>
      <c r="N154" s="175">
        <v>5.450885009369423</v>
      </c>
      <c r="O154" s="127">
        <v>3.5784229781252008E-2</v>
      </c>
      <c r="P154" s="194">
        <v>0.14196441125623155</v>
      </c>
      <c r="Q154" s="92">
        <v>7.4159288450063188E-3</v>
      </c>
      <c r="R154" s="194">
        <v>9.5155634138057194E-2</v>
      </c>
      <c r="S154" s="92">
        <v>6.2372599105135814E-3</v>
      </c>
      <c r="T154" s="194">
        <v>0.75722761678665496</v>
      </c>
      <c r="U154" s="92">
        <v>9.1075275911893065E-3</v>
      </c>
      <c r="V154" s="194">
        <v>5.6523378190561305E-3</v>
      </c>
      <c r="W154" s="92">
        <v>1.6231299091540978E-3</v>
      </c>
      <c r="X154" s="44">
        <v>8863</v>
      </c>
      <c r="Y154" s="175">
        <v>4.2571311641492038</v>
      </c>
      <c r="Z154" s="127">
        <v>3.9404799036750073E-2</v>
      </c>
      <c r="AA154" s="194">
        <v>0.35071228973515423</v>
      </c>
      <c r="AB154" s="92">
        <v>1.0135726767912743E-2</v>
      </c>
      <c r="AC154" s="194">
        <v>0.18304893564791436</v>
      </c>
      <c r="AD154" s="92">
        <v>8.2158936193938992E-3</v>
      </c>
      <c r="AE154" s="194">
        <v>0.45320453745019956</v>
      </c>
      <c r="AF154" s="92">
        <v>1.0573114806457366E-2</v>
      </c>
      <c r="AG154" s="194">
        <v>1.3034237166735687E-2</v>
      </c>
      <c r="AH154" s="92">
        <v>2.4289378411923349E-3</v>
      </c>
    </row>
    <row r="155" spans="1:34">
      <c r="A155" s="40" t="s">
        <v>352</v>
      </c>
      <c r="B155" s="48">
        <v>3661</v>
      </c>
      <c r="C155" s="79">
        <v>5.4069519698716695</v>
      </c>
      <c r="D155" s="80">
        <v>4.9309312593663245E-2</v>
      </c>
      <c r="E155" s="193">
        <v>0.11216844611282635</v>
      </c>
      <c r="F155" s="89">
        <v>1.0442584156095225E-2</v>
      </c>
      <c r="G155" s="193">
        <v>0.12516121027296337</v>
      </c>
      <c r="H155" s="89">
        <v>1.0947096306451938E-2</v>
      </c>
      <c r="I155" s="193">
        <v>0.74300115053178994</v>
      </c>
      <c r="J155" s="89">
        <v>1.4441083749334883E-2</v>
      </c>
      <c r="K155" s="193">
        <v>1.9669193082421602E-2</v>
      </c>
      <c r="L155" s="89">
        <v>4.6469522710023857E-3</v>
      </c>
      <c r="M155" s="48">
        <v>3681</v>
      </c>
      <c r="N155" s="79">
        <v>5.6857423297410836</v>
      </c>
      <c r="O155" s="80">
        <v>4.3552056733459819E-2</v>
      </c>
      <c r="P155" s="193">
        <v>7.1941465290275897E-2</v>
      </c>
      <c r="Q155" s="89">
        <v>8.5384258429894548E-3</v>
      </c>
      <c r="R155" s="193">
        <v>9.6990083406574515E-2</v>
      </c>
      <c r="S155" s="89">
        <v>9.769968500570176E-3</v>
      </c>
      <c r="T155" s="193">
        <v>0.8156742202454258</v>
      </c>
      <c r="U155" s="89">
        <v>1.2784234109185591E-2</v>
      </c>
      <c r="V155" s="193">
        <v>1.5394231057724186E-2</v>
      </c>
      <c r="W155" s="89">
        <v>4.1238370520265202E-3</v>
      </c>
      <c r="X155" s="48">
        <v>3786</v>
      </c>
      <c r="Y155" s="79">
        <v>4.4631843282467774</v>
      </c>
      <c r="Z155" s="80">
        <v>5.8081977406013091E-2</v>
      </c>
      <c r="AA155" s="193">
        <v>0.31080912089189833</v>
      </c>
      <c r="AB155" s="89">
        <v>1.5038466922709192E-2</v>
      </c>
      <c r="AC155" s="193">
        <v>0.18082681299914533</v>
      </c>
      <c r="AD155" s="89">
        <v>1.2512511752612167E-2</v>
      </c>
      <c r="AE155" s="193">
        <v>0.48496209093268411</v>
      </c>
      <c r="AF155" s="89">
        <v>1.6236196520193955E-2</v>
      </c>
      <c r="AG155" s="193">
        <v>2.3401975176272394E-2</v>
      </c>
      <c r="AH155" s="89">
        <v>4.9625013790381449E-3</v>
      </c>
    </row>
    <row r="156" spans="1:34">
      <c r="A156" s="44" t="s">
        <v>534</v>
      </c>
      <c r="B156" s="44">
        <v>2693</v>
      </c>
      <c r="C156" s="175">
        <v>5.4532598982369551</v>
      </c>
      <c r="D156" s="127">
        <v>6.6529116012069359E-2</v>
      </c>
      <c r="E156" s="194">
        <v>0.13076742886574133</v>
      </c>
      <c r="F156" s="92">
        <v>1.3007023377197171E-2</v>
      </c>
      <c r="G156" s="194">
        <v>9.8437738350587042E-2</v>
      </c>
      <c r="H156" s="92">
        <v>1.1503620118141187E-2</v>
      </c>
      <c r="I156" s="194">
        <v>0.75312078012461581</v>
      </c>
      <c r="J156" s="92">
        <v>1.6614442985409233E-2</v>
      </c>
      <c r="K156" s="194">
        <v>1.7674052659051358E-2</v>
      </c>
      <c r="L156" s="92">
        <v>5.1741971636283558E-3</v>
      </c>
      <c r="M156" s="44">
        <v>2703</v>
      </c>
      <c r="N156" s="175">
        <v>5.6830941976098233</v>
      </c>
      <c r="O156" s="127">
        <v>6.0959750153861784E-2</v>
      </c>
      <c r="P156" s="194">
        <v>0.10178232636405679</v>
      </c>
      <c r="Q156" s="92">
        <v>1.1652585918143735E-2</v>
      </c>
      <c r="R156" s="194">
        <v>7.8773598919751636E-2</v>
      </c>
      <c r="S156" s="92">
        <v>1.039253914250423E-2</v>
      </c>
      <c r="T156" s="194">
        <v>0.80666737684961087</v>
      </c>
      <c r="U156" s="92">
        <v>1.5193997102148754E-2</v>
      </c>
      <c r="V156" s="194">
        <v>1.2776697866578302E-2</v>
      </c>
      <c r="W156" s="92">
        <v>4.4355557469727049E-3</v>
      </c>
      <c r="X156" s="44">
        <v>2717</v>
      </c>
      <c r="Y156" s="175">
        <v>4.4092612290528539</v>
      </c>
      <c r="Z156" s="127">
        <v>7.076457701224427E-2</v>
      </c>
      <c r="AA156" s="194">
        <v>0.33040390882252735</v>
      </c>
      <c r="AB156" s="92">
        <v>1.8037556034053891E-2</v>
      </c>
      <c r="AC156" s="194">
        <v>0.17017919136948703</v>
      </c>
      <c r="AD156" s="92">
        <v>1.4424540519551322E-2</v>
      </c>
      <c r="AE156" s="194">
        <v>0.47735965978429412</v>
      </c>
      <c r="AF156" s="92">
        <v>1.915099562677218E-2</v>
      </c>
      <c r="AG156" s="194">
        <v>2.2057240023684376E-2</v>
      </c>
      <c r="AH156" s="92">
        <v>5.7180897570449024E-3</v>
      </c>
    </row>
    <row r="157" spans="1:34">
      <c r="A157" s="40" t="s">
        <v>535</v>
      </c>
      <c r="B157" s="48">
        <v>2019</v>
      </c>
      <c r="C157" s="79">
        <v>5.152708299092974</v>
      </c>
      <c r="D157" s="80">
        <v>7.9400099771110969E-2</v>
      </c>
      <c r="E157" s="193">
        <v>0.19018977292345279</v>
      </c>
      <c r="F157" s="89">
        <v>1.7472345918706254E-2</v>
      </c>
      <c r="G157" s="193">
        <v>0.11475903184020415</v>
      </c>
      <c r="H157" s="89">
        <v>1.4213658770617326E-2</v>
      </c>
      <c r="I157" s="193">
        <v>0.68754698998225416</v>
      </c>
      <c r="J157" s="89">
        <v>2.0616551232590069E-2</v>
      </c>
      <c r="K157" s="193">
        <v>7.5042052540889304E-3</v>
      </c>
      <c r="L157" s="89">
        <v>4.0768984388780873E-3</v>
      </c>
      <c r="M157" s="48">
        <v>2024</v>
      </c>
      <c r="N157" s="79">
        <v>5.4849174919958887</v>
      </c>
      <c r="O157" s="80">
        <v>7.3036300020323505E-2</v>
      </c>
      <c r="P157" s="193">
        <v>0.15316377291170308</v>
      </c>
      <c r="Q157" s="89">
        <v>1.6023817426634175E-2</v>
      </c>
      <c r="R157" s="193">
        <v>8.4461137835249389E-2</v>
      </c>
      <c r="S157" s="89">
        <v>1.2404104454379295E-2</v>
      </c>
      <c r="T157" s="193">
        <v>0.76047045413207937</v>
      </c>
      <c r="U157" s="89">
        <v>1.896859811163714E-2</v>
      </c>
      <c r="V157" s="193">
        <v>1.9046351209680713E-3</v>
      </c>
      <c r="W157" s="89">
        <v>2.3828515208765377E-3</v>
      </c>
      <c r="X157" s="48">
        <v>2018</v>
      </c>
      <c r="Y157" s="79">
        <v>4.3573103298523357</v>
      </c>
      <c r="Z157" s="80">
        <v>8.248464445256011E-2</v>
      </c>
      <c r="AA157" s="193">
        <v>0.34497372290171979</v>
      </c>
      <c r="AB157" s="89">
        <v>2.114720887272345E-2</v>
      </c>
      <c r="AC157" s="193">
        <v>0.1584677058621623</v>
      </c>
      <c r="AD157" s="89">
        <v>1.6270265385594843E-2</v>
      </c>
      <c r="AE157" s="193">
        <v>0.48759771308291389</v>
      </c>
      <c r="AF157" s="89">
        <v>2.2231886068436929E-2</v>
      </c>
      <c r="AG157" s="193">
        <v>8.9608581532034468E-3</v>
      </c>
      <c r="AH157" s="89">
        <v>4.4105801897865423E-3</v>
      </c>
    </row>
    <row r="158" spans="1:34">
      <c r="A158" s="44" t="s">
        <v>536</v>
      </c>
      <c r="B158" s="44">
        <v>295</v>
      </c>
      <c r="C158" s="175">
        <v>4.9807073730983911</v>
      </c>
      <c r="D158" s="127">
        <v>0.19715692135738405</v>
      </c>
      <c r="E158" s="194">
        <v>0.20070555924815467</v>
      </c>
      <c r="F158" s="92">
        <v>4.6668763708448809E-2</v>
      </c>
      <c r="G158" s="194">
        <v>0.12503023410094874</v>
      </c>
      <c r="H158" s="92">
        <v>3.8903782578182021E-2</v>
      </c>
      <c r="I158" s="194">
        <v>0.66522060423192475</v>
      </c>
      <c r="J158" s="92">
        <v>5.4671734722929126E-2</v>
      </c>
      <c r="K158" s="194">
        <v>9.0436024189721829E-3</v>
      </c>
      <c r="L158" s="92">
        <v>1.4338413229111016E-2</v>
      </c>
      <c r="M158" s="44">
        <v>295</v>
      </c>
      <c r="N158" s="175">
        <v>5.2052855149518775</v>
      </c>
      <c r="O158" s="127">
        <v>0.20146836053473624</v>
      </c>
      <c r="P158" s="194">
        <v>0.18229894208469774</v>
      </c>
      <c r="Q158" s="92">
        <v>4.5056419183753159E-2</v>
      </c>
      <c r="R158" s="194">
        <v>0.13424279860810504</v>
      </c>
      <c r="S158" s="92">
        <v>4.0029601219041741E-2</v>
      </c>
      <c r="T158" s="194">
        <v>0.67450391124273312</v>
      </c>
      <c r="U158" s="92">
        <v>5.4294834162310804E-2</v>
      </c>
      <c r="V158" s="194">
        <v>8.9543480644642265E-3</v>
      </c>
      <c r="W158" s="92">
        <v>1.429855617369157E-2</v>
      </c>
      <c r="X158" s="44">
        <v>291</v>
      </c>
      <c r="Y158" s="175">
        <v>4.0790073075068918</v>
      </c>
      <c r="Z158" s="127">
        <v>0.21462221416080157</v>
      </c>
      <c r="AA158" s="194">
        <v>0.38328897996761674</v>
      </c>
      <c r="AB158" s="92">
        <v>5.6657810688515685E-2</v>
      </c>
      <c r="AC158" s="194">
        <v>0.18924939446855238</v>
      </c>
      <c r="AD158" s="92">
        <v>4.5997058761519334E-2</v>
      </c>
      <c r="AE158" s="194">
        <v>0.42131585073611683</v>
      </c>
      <c r="AF158" s="92">
        <v>5.7516460511310527E-2</v>
      </c>
      <c r="AG158" s="194">
        <v>6.1457748277146743E-3</v>
      </c>
      <c r="AH158" s="92">
        <v>1.3110835827647662E-2</v>
      </c>
    </row>
    <row r="159" spans="1:34">
      <c r="A159" s="40" t="s">
        <v>537</v>
      </c>
      <c r="B159" s="48">
        <v>73</v>
      </c>
      <c r="C159" s="79">
        <v>4.8997463032713728</v>
      </c>
      <c r="D159" s="80">
        <v>0.39180174716074123</v>
      </c>
      <c r="E159" s="193">
        <v>0.19734014162786825</v>
      </c>
      <c r="F159" s="89">
        <v>9.3327242732822197E-2</v>
      </c>
      <c r="G159" s="193">
        <v>0.14499595268355769</v>
      </c>
      <c r="H159" s="89">
        <v>8.4277165679128144E-2</v>
      </c>
      <c r="I159" s="193">
        <v>0.65766390568857402</v>
      </c>
      <c r="J159" s="89">
        <v>0.10874912174522233</v>
      </c>
      <c r="K159" s="193">
        <v>0</v>
      </c>
      <c r="L159" s="89">
        <v>3.6252631573966396E-2</v>
      </c>
      <c r="M159" s="48">
        <v>73</v>
      </c>
      <c r="N159" s="79">
        <v>5.4002992395782519</v>
      </c>
      <c r="O159" s="80">
        <v>0.40971483944468384</v>
      </c>
      <c r="P159" s="193">
        <v>0.17547522880057712</v>
      </c>
      <c r="Q159" s="89">
        <v>8.9831421423053559E-2</v>
      </c>
      <c r="R159" s="193">
        <v>5.2889179108602795E-2</v>
      </c>
      <c r="S159" s="89">
        <v>6.0440853625542003E-2</v>
      </c>
      <c r="T159" s="193">
        <v>0.77163559209082011</v>
      </c>
      <c r="U159" s="89">
        <v>9.7682510760371585E-2</v>
      </c>
      <c r="V159" s="193">
        <v>0</v>
      </c>
      <c r="W159" s="89">
        <v>3.6252631573966396E-2</v>
      </c>
      <c r="X159" s="48">
        <v>71</v>
      </c>
      <c r="Y159" s="79">
        <v>4.5528272000471581</v>
      </c>
      <c r="Z159" s="80">
        <v>0.43335444177704607</v>
      </c>
      <c r="AA159" s="193">
        <v>0.28141382495029932</v>
      </c>
      <c r="AB159" s="89">
        <v>0.10511725545017969</v>
      </c>
      <c r="AC159" s="193">
        <v>0.10431790024203813</v>
      </c>
      <c r="AD159" s="89">
        <v>7.6486349798006184E-2</v>
      </c>
      <c r="AE159" s="193">
        <v>0.61426827480766244</v>
      </c>
      <c r="AF159" s="89">
        <v>0.11273529891514321</v>
      </c>
      <c r="AG159" s="193">
        <v>0</v>
      </c>
      <c r="AH159" s="89">
        <v>3.7206132509255738E-2</v>
      </c>
    </row>
    <row r="160" spans="1:34">
      <c r="A160" s="44" t="s">
        <v>538</v>
      </c>
      <c r="B160" s="44">
        <v>51</v>
      </c>
      <c r="C160" s="175">
        <v>4.4909171903631897</v>
      </c>
      <c r="D160" s="127">
        <v>0.56293762369030731</v>
      </c>
      <c r="E160" s="194">
        <v>0.35607598047772077</v>
      </c>
      <c r="F160" s="92">
        <v>0.12994803932256568</v>
      </c>
      <c r="G160" s="194">
        <v>9.7497859564753125E-2</v>
      </c>
      <c r="H160" s="92">
        <v>8.9726826372699603E-2</v>
      </c>
      <c r="I160" s="194">
        <v>0.54642615995752586</v>
      </c>
      <c r="J160" s="92">
        <v>0.13433925096225144</v>
      </c>
      <c r="K160" s="194">
        <v>0</v>
      </c>
      <c r="L160" s="92">
        <v>5.0482272182006148E-2</v>
      </c>
      <c r="M160" s="44">
        <v>51</v>
      </c>
      <c r="N160" s="175">
        <v>4.7249771083878676</v>
      </c>
      <c r="O160" s="127">
        <v>0.59528816551314023</v>
      </c>
      <c r="P160" s="194">
        <v>0.32791053854398</v>
      </c>
      <c r="Q160" s="92">
        <v>0.12778851331089774</v>
      </c>
      <c r="R160" s="194">
        <v>8.1856802165119411E-2</v>
      </c>
      <c r="S160" s="92">
        <v>8.5136591274589779E-2</v>
      </c>
      <c r="T160" s="194">
        <v>0.56349473275833883</v>
      </c>
      <c r="U160" s="92">
        <v>0.13390186546091781</v>
      </c>
      <c r="V160" s="194">
        <v>2.6737926532561393E-2</v>
      </c>
      <c r="W160" s="92">
        <v>6.4620182286674321E-2</v>
      </c>
      <c r="X160" s="44">
        <v>51</v>
      </c>
      <c r="Y160" s="175">
        <v>3.2303365510381234</v>
      </c>
      <c r="Z160" s="127">
        <v>0.5408319676425799</v>
      </c>
      <c r="AA160" s="194">
        <v>0.63925999989613513</v>
      </c>
      <c r="AB160" s="92">
        <v>0.1302654427351039</v>
      </c>
      <c r="AC160" s="194">
        <v>7.6349823484113372E-2</v>
      </c>
      <c r="AD160" s="92">
        <v>8.3416728235210152E-2</v>
      </c>
      <c r="AE160" s="194">
        <v>0.28439017661975113</v>
      </c>
      <c r="AF160" s="92">
        <v>0.12359121810326511</v>
      </c>
      <c r="AG160" s="194">
        <v>0</v>
      </c>
      <c r="AH160" s="92">
        <v>5.0482272182006148E-2</v>
      </c>
    </row>
    <row r="161" spans="1:34">
      <c r="A161" s="40" t="s">
        <v>539</v>
      </c>
      <c r="B161" s="48">
        <v>58</v>
      </c>
      <c r="C161" s="79">
        <v>5.6920084828902571</v>
      </c>
      <c r="D161" s="80">
        <v>0.32557012929768159</v>
      </c>
      <c r="E161" s="193">
        <v>0.10623696803008692</v>
      </c>
      <c r="F161" s="89">
        <v>8.5877509397873267E-2</v>
      </c>
      <c r="G161" s="193">
        <v>5.3386097482980059E-2</v>
      </c>
      <c r="H161" s="89">
        <v>6.9766002660718959E-2</v>
      </c>
      <c r="I161" s="193">
        <v>0.81892415927662487</v>
      </c>
      <c r="J161" s="89">
        <v>0.10191338131191795</v>
      </c>
      <c r="K161" s="193">
        <v>2.1452775210308153E-2</v>
      </c>
      <c r="L161" s="89">
        <v>5.6562096502193862E-2</v>
      </c>
      <c r="M161" s="48">
        <v>58</v>
      </c>
      <c r="N161" s="79">
        <v>5.4948458331119978</v>
      </c>
      <c r="O161" s="80">
        <v>0.34606311548835733</v>
      </c>
      <c r="P161" s="193">
        <v>6.5925538491200864E-2</v>
      </c>
      <c r="Q161" s="89">
        <v>7.4099946987465068E-2</v>
      </c>
      <c r="R161" s="193">
        <v>0.21990994812919559</v>
      </c>
      <c r="S161" s="89">
        <v>0.10816524491494679</v>
      </c>
      <c r="T161" s="193">
        <v>0.69466001005090017</v>
      </c>
      <c r="U161" s="89">
        <v>0.11827772583325769</v>
      </c>
      <c r="V161" s="193">
        <v>1.9504503328703137E-2</v>
      </c>
      <c r="W161" s="89">
        <v>5.5621727758303423E-2</v>
      </c>
      <c r="X161" s="48">
        <v>57</v>
      </c>
      <c r="Y161" s="79">
        <v>4.1230837599444987</v>
      </c>
      <c r="Z161" s="80">
        <v>0.41969849396215209</v>
      </c>
      <c r="AA161" s="193">
        <v>0.27317596521982002</v>
      </c>
      <c r="AB161" s="89">
        <v>0.11596411503680387</v>
      </c>
      <c r="AC161" s="193">
        <v>0.34668731443841838</v>
      </c>
      <c r="AD161" s="89">
        <v>0.12266888547704018</v>
      </c>
      <c r="AE161" s="193">
        <v>0.35228090138943607</v>
      </c>
      <c r="AF161" s="89">
        <v>0.12306122726222514</v>
      </c>
      <c r="AG161" s="193">
        <v>2.7855818952325043E-2</v>
      </c>
      <c r="AH161" s="89">
        <v>6.0249078795519231E-2</v>
      </c>
    </row>
    <row r="162" spans="1:34">
      <c r="A162" s="44" t="s">
        <v>540</v>
      </c>
      <c r="B162" s="44">
        <v>55</v>
      </c>
      <c r="C162" s="175">
        <v>4.581687314237703</v>
      </c>
      <c r="D162" s="127">
        <v>0.47291899763991507</v>
      </c>
      <c r="E162" s="194">
        <v>0.26622309073526002</v>
      </c>
      <c r="F162" s="92">
        <v>0.11717220393117445</v>
      </c>
      <c r="G162" s="194">
        <v>0.15816741287516806</v>
      </c>
      <c r="H162" s="92">
        <v>0.10032401741679028</v>
      </c>
      <c r="I162" s="194">
        <v>0.57560949638957148</v>
      </c>
      <c r="J162" s="92">
        <v>0.12888888559971859</v>
      </c>
      <c r="K162" s="194">
        <v>0</v>
      </c>
      <c r="L162" s="92">
        <v>4.7119904748779487E-2</v>
      </c>
      <c r="M162" s="44">
        <v>55</v>
      </c>
      <c r="N162" s="175">
        <v>5.2591100462721814</v>
      </c>
      <c r="O162" s="127">
        <v>0.41885713295436711</v>
      </c>
      <c r="P162" s="194">
        <v>0.14462471745751493</v>
      </c>
      <c r="Q162" s="92">
        <v>9.7512174973489199E-2</v>
      </c>
      <c r="R162" s="194">
        <v>0.22124271406132123</v>
      </c>
      <c r="S162" s="92">
        <v>0.11122539851091692</v>
      </c>
      <c r="T162" s="194">
        <v>0.63413256848116328</v>
      </c>
      <c r="U162" s="92">
        <v>0.12605225973962925</v>
      </c>
      <c r="V162" s="194">
        <v>0</v>
      </c>
      <c r="W162" s="92">
        <v>4.7119904748779487E-2</v>
      </c>
      <c r="X162" s="44">
        <v>54</v>
      </c>
      <c r="Y162" s="175">
        <v>4.4587535935955263</v>
      </c>
      <c r="Z162" s="127">
        <v>0.47121927171911787</v>
      </c>
      <c r="AA162" s="194">
        <v>0.34429104564176471</v>
      </c>
      <c r="AB162" s="92">
        <v>0.12566610972854814</v>
      </c>
      <c r="AC162" s="194">
        <v>0.2024571148880947</v>
      </c>
      <c r="AD162" s="92">
        <v>0.10931082899458699</v>
      </c>
      <c r="AE162" s="194">
        <v>0.45325183947014019</v>
      </c>
      <c r="AF162" s="92">
        <v>0.13080800576941526</v>
      </c>
      <c r="AG162" s="194">
        <v>0</v>
      </c>
      <c r="AH162" s="92">
        <v>4.7917816122734561E-2</v>
      </c>
    </row>
    <row r="163" spans="1:34">
      <c r="A163" s="40" t="s">
        <v>541</v>
      </c>
      <c r="B163" s="191">
        <v>58</v>
      </c>
      <c r="C163" s="79">
        <v>5.0641488283468874</v>
      </c>
      <c r="D163" s="80">
        <v>0.39076567750023689</v>
      </c>
      <c r="E163" s="193">
        <v>0.12156957840382543</v>
      </c>
      <c r="F163" s="89">
        <v>8.9685107308960357E-2</v>
      </c>
      <c r="G163" s="193">
        <v>0.17572569469626459</v>
      </c>
      <c r="H163" s="89">
        <v>0.1009556674975446</v>
      </c>
      <c r="I163" s="193">
        <v>0.68177473244894615</v>
      </c>
      <c r="J163" s="89">
        <v>0.11942980268867866</v>
      </c>
      <c r="K163" s="193">
        <v>2.0929994450963451E-2</v>
      </c>
      <c r="L163" s="89">
        <v>5.6311682047999773E-2</v>
      </c>
      <c r="M163" s="191">
        <v>58</v>
      </c>
      <c r="N163" s="79">
        <v>5.0311573336032716</v>
      </c>
      <c r="O163" s="80">
        <v>0.45832639330085484</v>
      </c>
      <c r="P163" s="193">
        <v>0.22241271753366423</v>
      </c>
      <c r="Q163" s="89">
        <v>0.10852890660354333</v>
      </c>
      <c r="R163" s="193">
        <v>0.10819206356398765</v>
      </c>
      <c r="S163" s="89">
        <v>8.6380910150563484E-2</v>
      </c>
      <c r="T163" s="193">
        <v>0.66939521890234777</v>
      </c>
      <c r="U163" s="89">
        <v>0.12045300781740452</v>
      </c>
      <c r="V163" s="193">
        <v>0</v>
      </c>
      <c r="W163" s="89">
        <v>4.4877957654209835E-2</v>
      </c>
      <c r="X163" s="191">
        <v>58</v>
      </c>
      <c r="Y163" s="79">
        <v>3.9280349017306544</v>
      </c>
      <c r="Z163" s="80">
        <v>0.48174800448923433</v>
      </c>
      <c r="AA163" s="193">
        <v>0.42652905334948643</v>
      </c>
      <c r="AB163" s="89">
        <v>0.12579452405331465</v>
      </c>
      <c r="AC163" s="193">
        <v>0.20080067944449298</v>
      </c>
      <c r="AD163" s="89">
        <v>0.10523649299758088</v>
      </c>
      <c r="AE163" s="193">
        <v>0.37267026720602009</v>
      </c>
      <c r="AF163" s="89">
        <v>0.1233436421470175</v>
      </c>
      <c r="AG163" s="193">
        <v>0</v>
      </c>
      <c r="AH163" s="89">
        <v>4.4877957654209835E-2</v>
      </c>
    </row>
    <row r="164" spans="1:34">
      <c r="A164" s="44" t="s">
        <v>542</v>
      </c>
      <c r="B164" s="192">
        <v>479</v>
      </c>
      <c r="C164" s="175">
        <v>5.0401671234216359</v>
      </c>
      <c r="D164" s="127">
        <v>0.15694334642323449</v>
      </c>
      <c r="E164" s="194">
        <v>0.19725145309541126</v>
      </c>
      <c r="F164" s="92">
        <v>3.6384779908009576E-2</v>
      </c>
      <c r="G164" s="194">
        <v>0.14942731676602183</v>
      </c>
      <c r="H164" s="92">
        <v>3.2701168504371748E-2</v>
      </c>
      <c r="I164" s="194">
        <v>0.64872933469275185</v>
      </c>
      <c r="J164" s="92">
        <v>4.3476697222894906E-2</v>
      </c>
      <c r="K164" s="194">
        <v>4.5918954458117438E-3</v>
      </c>
      <c r="L164" s="92">
        <v>8.4486303378248778E-3</v>
      </c>
      <c r="M164" s="192">
        <v>478</v>
      </c>
      <c r="N164" s="175">
        <v>5.5628977886350501</v>
      </c>
      <c r="O164" s="127">
        <v>0.14528038428476436</v>
      </c>
      <c r="P164" s="194">
        <v>0.14673507901244159</v>
      </c>
      <c r="Q164" s="92">
        <v>3.2498529250086026E-2</v>
      </c>
      <c r="R164" s="194">
        <v>7.1241384194608876E-2</v>
      </c>
      <c r="S164" s="92">
        <v>2.3964803852198093E-2</v>
      </c>
      <c r="T164" s="194">
        <v>0.78202353679294656</v>
      </c>
      <c r="U164" s="92">
        <v>3.7756301748452348E-2</v>
      </c>
      <c r="V164" s="194">
        <v>0</v>
      </c>
      <c r="W164" s="92">
        <v>5.8559189186085129E-3</v>
      </c>
      <c r="X164" s="192">
        <v>480</v>
      </c>
      <c r="Y164" s="175">
        <v>4.3586631115068633</v>
      </c>
      <c r="Z164" s="127">
        <v>0.1702482161995095</v>
      </c>
      <c r="AA164" s="194">
        <v>0.33309520426902223</v>
      </c>
      <c r="AB164" s="92">
        <v>4.2891496416162064E-2</v>
      </c>
      <c r="AC164" s="194">
        <v>0.19236155264338728</v>
      </c>
      <c r="AD164" s="92">
        <v>3.6011527363517905E-2</v>
      </c>
      <c r="AE164" s="194">
        <v>0.46141003396989916</v>
      </c>
      <c r="AF164" s="92">
        <v>4.5321197806491173E-2</v>
      </c>
      <c r="AG164" s="194">
        <v>1.3133209117688513E-2</v>
      </c>
      <c r="AH164" s="92">
        <v>1.1805077466101275E-2</v>
      </c>
    </row>
    <row r="165" spans="1:34">
      <c r="A165" s="40" t="s">
        <v>543</v>
      </c>
      <c r="B165" s="49">
        <v>47</v>
      </c>
      <c r="C165" s="79">
        <v>5.1465524854010862</v>
      </c>
      <c r="D165" s="80">
        <v>0.54296384669286935</v>
      </c>
      <c r="E165" s="193">
        <v>0.18023689355257186</v>
      </c>
      <c r="F165" s="89">
        <v>0.1131237559770768</v>
      </c>
      <c r="G165" s="193">
        <v>0.16468354607147273</v>
      </c>
      <c r="H165" s="89">
        <v>0.11008318314545996</v>
      </c>
      <c r="I165" s="193">
        <v>0.65507956037595572</v>
      </c>
      <c r="J165" s="89">
        <v>0.13418596582082892</v>
      </c>
      <c r="K165" s="193">
        <v>0</v>
      </c>
      <c r="L165" s="89">
        <v>5.4361041575189964E-2</v>
      </c>
      <c r="M165" s="49">
        <v>47</v>
      </c>
      <c r="N165" s="79">
        <v>5.3960018971478894</v>
      </c>
      <c r="O165" s="80">
        <v>0.47268632483121964</v>
      </c>
      <c r="P165" s="193">
        <v>0.13084107842921508</v>
      </c>
      <c r="Q165" s="89">
        <v>0.10261688391018889</v>
      </c>
      <c r="R165" s="193">
        <v>3.5817831525649317E-2</v>
      </c>
      <c r="S165" s="89">
        <v>7.2494992417726237E-2</v>
      </c>
      <c r="T165" s="193">
        <v>0.83334109004513568</v>
      </c>
      <c r="U165" s="89">
        <v>0.11048207844930902</v>
      </c>
      <c r="V165" s="193">
        <v>0</v>
      </c>
      <c r="W165" s="89">
        <v>5.4361041575189964E-2</v>
      </c>
      <c r="X165" s="49">
        <v>48</v>
      </c>
      <c r="Y165" s="79">
        <v>4.0809083806670712</v>
      </c>
      <c r="Z165" s="80">
        <v>0.61357175407605302</v>
      </c>
      <c r="AA165" s="193">
        <v>0.42671011641695084</v>
      </c>
      <c r="AB165" s="89">
        <v>0.13739980399828461</v>
      </c>
      <c r="AC165" s="193">
        <v>0.15480867358107619</v>
      </c>
      <c r="AD165" s="89">
        <v>0.10686790227657805</v>
      </c>
      <c r="AE165" s="193">
        <v>0.38997005092541598</v>
      </c>
      <c r="AF165" s="89">
        <v>0.1357838570731939</v>
      </c>
      <c r="AG165" s="193">
        <v>2.8511159076557352E-2</v>
      </c>
      <c r="AH165" s="89">
        <v>6.8265963903475252E-2</v>
      </c>
    </row>
    <row r="166" spans="1:34">
      <c r="A166" s="44" t="s">
        <v>550</v>
      </c>
      <c r="B166" s="192">
        <v>95</v>
      </c>
      <c r="C166" s="175">
        <v>4.0875950038513045</v>
      </c>
      <c r="D166" s="127">
        <v>0.37362289434730395</v>
      </c>
      <c r="E166" s="194">
        <v>0.35252748100757431</v>
      </c>
      <c r="F166" s="92">
        <v>9.6394345439066387E-2</v>
      </c>
      <c r="G166" s="194">
        <v>0.17068024173521329</v>
      </c>
      <c r="H166" s="92">
        <v>7.7884973210407424E-2</v>
      </c>
      <c r="I166" s="194">
        <v>0.45454086055163634</v>
      </c>
      <c r="J166" s="92">
        <v>0.10012055070078218</v>
      </c>
      <c r="K166" s="194">
        <v>2.2251416705575577E-2</v>
      </c>
      <c r="L166" s="92">
        <v>4.011479611103369E-2</v>
      </c>
      <c r="M166" s="192">
        <v>95</v>
      </c>
      <c r="N166" s="175">
        <v>5.0610668633297626</v>
      </c>
      <c r="O166" s="127">
        <v>0.34656767185617859</v>
      </c>
      <c r="P166" s="194">
        <v>0.23464701068354635</v>
      </c>
      <c r="Q166" s="92">
        <v>8.6494635683835544E-2</v>
      </c>
      <c r="R166" s="194">
        <v>0.10319959723247867</v>
      </c>
      <c r="S166" s="92">
        <v>6.513875849738969E-2</v>
      </c>
      <c r="T166" s="194">
        <v>0.66215339208397483</v>
      </c>
      <c r="U166" s="92">
        <v>9.5513095732652931E-2</v>
      </c>
      <c r="V166" s="194">
        <v>0</v>
      </c>
      <c r="W166" s="92">
        <v>2.8279912978147775E-2</v>
      </c>
      <c r="X166" s="192">
        <v>96</v>
      </c>
      <c r="Y166" s="175">
        <v>4.3352939237780275</v>
      </c>
      <c r="Z166" s="127">
        <v>0.39430666505636036</v>
      </c>
      <c r="AA166" s="194">
        <v>0.35049906805571979</v>
      </c>
      <c r="AB166" s="92">
        <v>9.5791806078416711E-2</v>
      </c>
      <c r="AC166" s="194">
        <v>0.21206893473209515</v>
      </c>
      <c r="AD166" s="92">
        <v>8.3329562255910178E-2</v>
      </c>
      <c r="AE166" s="194">
        <v>0.40821696161262971</v>
      </c>
      <c r="AF166" s="92">
        <v>9.8435019246895045E-2</v>
      </c>
      <c r="AG166" s="194">
        <v>2.9215035599554982E-2</v>
      </c>
      <c r="AH166" s="92">
        <v>4.2772876610574197E-2</v>
      </c>
    </row>
    <row r="167" spans="1:34">
      <c r="A167" s="52" t="s">
        <v>544</v>
      </c>
      <c r="B167" s="191">
        <v>87</v>
      </c>
      <c r="C167" s="79">
        <v>5.3429768553200638</v>
      </c>
      <c r="D167" s="80">
        <v>0.35244634461317698</v>
      </c>
      <c r="E167" s="193">
        <v>0.10976803727390326</v>
      </c>
      <c r="F167" s="89">
        <v>6.9791566399534682E-2</v>
      </c>
      <c r="G167" s="193">
        <v>0.16966772617168133</v>
      </c>
      <c r="H167" s="89">
        <v>8.1270859254257588E-2</v>
      </c>
      <c r="I167" s="193">
        <v>0.72056423655441515</v>
      </c>
      <c r="J167" s="89">
        <v>9.5049835497554483E-2</v>
      </c>
      <c r="K167" s="193">
        <v>0</v>
      </c>
      <c r="L167" s="89">
        <v>3.0738162934200789E-2</v>
      </c>
      <c r="M167" s="191">
        <v>85</v>
      </c>
      <c r="N167" s="79">
        <v>6.082408314500511</v>
      </c>
      <c r="O167" s="80">
        <v>0.33965904608796849</v>
      </c>
      <c r="P167" s="193">
        <v>7.4107274337735216E-2</v>
      </c>
      <c r="Q167" s="89">
        <v>6.1645318902123332E-2</v>
      </c>
      <c r="R167" s="193">
        <v>5.2552828178289754E-2</v>
      </c>
      <c r="S167" s="89">
        <v>5.5031320591026334E-2</v>
      </c>
      <c r="T167" s="193">
        <v>0.87333989748397467</v>
      </c>
      <c r="U167" s="89">
        <v>7.4310177585687934E-2</v>
      </c>
      <c r="V167" s="193">
        <v>0</v>
      </c>
      <c r="W167" s="89">
        <v>3.1420971575578778E-2</v>
      </c>
      <c r="X167" s="191">
        <v>86</v>
      </c>
      <c r="Y167" s="79">
        <v>4.5586034775807418</v>
      </c>
      <c r="Z167" s="80">
        <v>0.38185724731122506</v>
      </c>
      <c r="AA167" s="193">
        <v>0.30042479171321307</v>
      </c>
      <c r="AB167" s="89">
        <v>9.7440928444555472E-2</v>
      </c>
      <c r="AC167" s="193">
        <v>0.16883240677029043</v>
      </c>
      <c r="AD167" s="89">
        <v>8.1611548523080973E-2</v>
      </c>
      <c r="AE167" s="193">
        <v>0.52274875165853818</v>
      </c>
      <c r="AF167" s="89">
        <v>0.10530959069362825</v>
      </c>
      <c r="AG167" s="193">
        <v>7.9940498579579976E-3</v>
      </c>
      <c r="AH167" s="89">
        <v>3.5882092587665171E-2</v>
      </c>
    </row>
    <row r="168" spans="1:34">
      <c r="A168" s="44" t="s">
        <v>545</v>
      </c>
      <c r="B168" s="192">
        <v>127</v>
      </c>
      <c r="C168" s="175">
        <v>5.790956669515837</v>
      </c>
      <c r="D168" s="127">
        <v>0.23057149870554453</v>
      </c>
      <c r="E168" s="194">
        <v>7.5780520764626227E-2</v>
      </c>
      <c r="F168" s="92">
        <v>4.968914123975262E-2</v>
      </c>
      <c r="G168" s="194">
        <v>8.5602062220201294E-2</v>
      </c>
      <c r="H168" s="92">
        <v>5.2013299527578591E-2</v>
      </c>
      <c r="I168" s="194">
        <v>0.83861741701517245</v>
      </c>
      <c r="J168" s="92">
        <v>6.5901519166794945E-2</v>
      </c>
      <c r="K168" s="194">
        <v>0</v>
      </c>
      <c r="L168" s="92">
        <v>2.1425595681499328E-2</v>
      </c>
      <c r="M168" s="192">
        <v>128</v>
      </c>
      <c r="N168" s="175">
        <v>6.0159969207326309</v>
      </c>
      <c r="O168" s="127">
        <v>0.22578400563326698</v>
      </c>
      <c r="P168" s="194">
        <v>6.3674090858519813E-2</v>
      </c>
      <c r="Q168" s="92">
        <v>4.6378900551260947E-2</v>
      </c>
      <c r="R168" s="194">
        <v>4.3976572034810382E-2</v>
      </c>
      <c r="S168" s="92">
        <v>4.0622112263417602E-2</v>
      </c>
      <c r="T168" s="194">
        <v>0.89234933710667008</v>
      </c>
      <c r="U168" s="92">
        <v>5.6474777518453194E-2</v>
      </c>
      <c r="V168" s="194">
        <v>0</v>
      </c>
      <c r="W168" s="92">
        <v>2.1264529250522336E-2</v>
      </c>
      <c r="X168" s="192">
        <v>128</v>
      </c>
      <c r="Y168" s="175">
        <v>4.4209879909975474</v>
      </c>
      <c r="Z168" s="127">
        <v>0.28594140813965524</v>
      </c>
      <c r="AA168" s="194">
        <v>0.2955383588429159</v>
      </c>
      <c r="AB168" s="92">
        <v>7.9903475694881723E-2</v>
      </c>
      <c r="AC168" s="194">
        <v>0.19192890453618772</v>
      </c>
      <c r="AD168" s="92">
        <v>6.9795596952095237E-2</v>
      </c>
      <c r="AE168" s="194">
        <v>0.50261637354620636</v>
      </c>
      <c r="AF168" s="92">
        <v>8.7037707463554437E-2</v>
      </c>
      <c r="AG168" s="194">
        <v>9.9163630746898213E-3</v>
      </c>
      <c r="AH168" s="92">
        <v>2.7054355581514998E-2</v>
      </c>
    </row>
    <row r="169" spans="1:34">
      <c r="A169" s="52" t="s">
        <v>546</v>
      </c>
      <c r="B169" s="191">
        <v>63</v>
      </c>
      <c r="C169" s="79">
        <v>4.8612394688181917</v>
      </c>
      <c r="D169" s="80">
        <v>0.43447895617763899</v>
      </c>
      <c r="E169" s="193">
        <v>0.22286663330689371</v>
      </c>
      <c r="F169" s="89">
        <v>0.10426540382784708</v>
      </c>
      <c r="G169" s="193">
        <v>0.13637866395954473</v>
      </c>
      <c r="H169" s="89">
        <v>8.9140430635265722E-2</v>
      </c>
      <c r="I169" s="193">
        <v>0.6407547027335615</v>
      </c>
      <c r="J169" s="89">
        <v>0.11781166279109467</v>
      </c>
      <c r="K169" s="193">
        <v>0</v>
      </c>
      <c r="L169" s="89">
        <v>4.1580477060619639E-2</v>
      </c>
      <c r="M169" s="191">
        <v>63</v>
      </c>
      <c r="N169" s="79">
        <v>5.0969397614881107</v>
      </c>
      <c r="O169" s="80">
        <v>0.4268667392319585</v>
      </c>
      <c r="P169" s="193">
        <v>0.24395167283854238</v>
      </c>
      <c r="Q169" s="89">
        <v>0.10707333986301242</v>
      </c>
      <c r="R169" s="193">
        <v>5.1093533677430164E-2</v>
      </c>
      <c r="S169" s="89">
        <v>6.5483942202182399E-2</v>
      </c>
      <c r="T169" s="193">
        <v>0.70495479348402734</v>
      </c>
      <c r="U169" s="89">
        <v>0.11272989986193391</v>
      </c>
      <c r="V169" s="193">
        <v>0</v>
      </c>
      <c r="W169" s="89">
        <v>4.1580477060619639E-2</v>
      </c>
      <c r="X169" s="191">
        <v>62</v>
      </c>
      <c r="Y169" s="79">
        <v>3.7847354721850603</v>
      </c>
      <c r="Z169" s="80">
        <v>0.53465334789836327</v>
      </c>
      <c r="AA169" s="193">
        <v>0.47600479978888105</v>
      </c>
      <c r="AB169" s="89">
        <v>0.12296634320724548</v>
      </c>
      <c r="AC169" s="193">
        <v>0.14630334511970702</v>
      </c>
      <c r="AD169" s="89">
        <v>9.1982529349473596E-2</v>
      </c>
      <c r="AE169" s="193">
        <v>0.37769185509141179</v>
      </c>
      <c r="AF169" s="89">
        <v>0.11979756085211944</v>
      </c>
      <c r="AG169" s="193">
        <v>0</v>
      </c>
      <c r="AH169" s="89">
        <v>4.2200643868047963E-2</v>
      </c>
    </row>
    <row r="170" spans="1:34">
      <c r="A170" s="44" t="s">
        <v>547</v>
      </c>
      <c r="B170" s="192">
        <v>60</v>
      </c>
      <c r="C170" s="175">
        <v>4.4991765265413166</v>
      </c>
      <c r="D170" s="127">
        <v>0.45366039215742582</v>
      </c>
      <c r="E170" s="194">
        <v>0.3538027219717591</v>
      </c>
      <c r="F170" s="92">
        <v>0.12021194060198293</v>
      </c>
      <c r="G170" s="194">
        <v>0.22903801170600707</v>
      </c>
      <c r="H170" s="92">
        <v>0.10766567244057818</v>
      </c>
      <c r="I170" s="194">
        <v>0.41715926632223377</v>
      </c>
      <c r="J170" s="92">
        <v>0.12348290095626198</v>
      </c>
      <c r="K170" s="194">
        <v>0</v>
      </c>
      <c r="L170" s="92">
        <v>4.3498159084609543E-2</v>
      </c>
      <c r="M170" s="192">
        <v>60</v>
      </c>
      <c r="N170" s="175">
        <v>5.0809555704570366</v>
      </c>
      <c r="O170" s="127">
        <v>0.43445605101512097</v>
      </c>
      <c r="P170" s="194">
        <v>0.22547425338913851</v>
      </c>
      <c r="Q170" s="92">
        <v>0.10716860854242631</v>
      </c>
      <c r="R170" s="194">
        <v>0.16502395289816146</v>
      </c>
      <c r="S170" s="92">
        <v>9.7268587769015244E-2</v>
      </c>
      <c r="T170" s="194">
        <v>0.60950179371270008</v>
      </c>
      <c r="U170" s="92">
        <v>0.12233697036220501</v>
      </c>
      <c r="V170" s="194">
        <v>0</v>
      </c>
      <c r="W170" s="92">
        <v>4.3498159084609543E-2</v>
      </c>
      <c r="X170" s="192">
        <v>60</v>
      </c>
      <c r="Y170" s="175">
        <v>4.7310025134492975</v>
      </c>
      <c r="Z170" s="127">
        <v>0.47524266480047977</v>
      </c>
      <c r="AA170" s="194">
        <v>0.21867275806155445</v>
      </c>
      <c r="AB170" s="92">
        <v>0.10619526527007814</v>
      </c>
      <c r="AC170" s="194">
        <v>0.28224391644096086</v>
      </c>
      <c r="AD170" s="92">
        <v>0.11410638583868932</v>
      </c>
      <c r="AE170" s="194">
        <v>0.49771036349184056</v>
      </c>
      <c r="AF170" s="92">
        <v>0.12499884809239617</v>
      </c>
      <c r="AG170" s="194">
        <v>1.3729620056441272E-3</v>
      </c>
      <c r="AH170" s="92">
        <v>4.4355443315766088E-2</v>
      </c>
    </row>
    <row r="171" spans="1:34">
      <c r="A171" s="52" t="s">
        <v>551</v>
      </c>
      <c r="B171" s="191">
        <v>724</v>
      </c>
      <c r="C171" s="79">
        <v>5.5733683861392125</v>
      </c>
      <c r="D171" s="80">
        <v>0.1110852878078047</v>
      </c>
      <c r="E171" s="193">
        <v>0.10855893757146901</v>
      </c>
      <c r="F171" s="89">
        <v>2.3258352176635758E-2</v>
      </c>
      <c r="G171" s="193">
        <v>9.1979793640784416E-2</v>
      </c>
      <c r="H171" s="89">
        <v>2.1654624299382662E-2</v>
      </c>
      <c r="I171" s="193">
        <v>0.77778550452617867</v>
      </c>
      <c r="J171" s="89">
        <v>3.0891590714337201E-2</v>
      </c>
      <c r="K171" s="193">
        <v>2.1675764261566147E-2</v>
      </c>
      <c r="L171" s="89">
        <v>1.1414574957222976E-2</v>
      </c>
      <c r="M171" s="191">
        <v>729</v>
      </c>
      <c r="N171" s="79">
        <v>5.7495536059420953</v>
      </c>
      <c r="O171" s="80">
        <v>0.10323321948496213</v>
      </c>
      <c r="P171" s="193">
        <v>8.7345840268833685E-2</v>
      </c>
      <c r="Q171" s="89">
        <v>2.1098089117053475E-2</v>
      </c>
      <c r="R171" s="193">
        <v>7.4435717594665454E-2</v>
      </c>
      <c r="S171" s="89">
        <v>1.9665169560644041E-2</v>
      </c>
      <c r="T171" s="193">
        <v>0.82177873594030248</v>
      </c>
      <c r="U171" s="89">
        <v>2.837917300403717E-2</v>
      </c>
      <c r="V171" s="193">
        <v>1.6439706196197175E-2</v>
      </c>
      <c r="W171" s="89">
        <v>1.0105721587881237E-2</v>
      </c>
      <c r="X171" s="191">
        <v>747</v>
      </c>
      <c r="Y171" s="79">
        <v>4.4636944182652218</v>
      </c>
      <c r="Z171" s="80">
        <v>0.13333664735856218</v>
      </c>
      <c r="AA171" s="193">
        <v>0.32164326459301795</v>
      </c>
      <c r="AB171" s="89">
        <v>3.4116338857420721E-2</v>
      </c>
      <c r="AC171" s="193">
        <v>0.16966886802610698</v>
      </c>
      <c r="AD171" s="89">
        <v>2.7505295961175999E-2</v>
      </c>
      <c r="AE171" s="193">
        <v>0.48260706844001072</v>
      </c>
      <c r="AF171" s="89">
        <v>3.6468668483113531E-2</v>
      </c>
      <c r="AG171" s="193">
        <v>2.6080798940865946E-2</v>
      </c>
      <c r="AH171" s="89">
        <v>1.2165471701025988E-2</v>
      </c>
    </row>
    <row r="172" spans="1:34">
      <c r="A172" s="44" t="s">
        <v>552</v>
      </c>
      <c r="B172" s="192">
        <v>203</v>
      </c>
      <c r="C172" s="175">
        <v>5.7274921434197168</v>
      </c>
      <c r="D172" s="127">
        <v>0.19660970494968452</v>
      </c>
      <c r="E172" s="194">
        <v>6.7553063209421185E-2</v>
      </c>
      <c r="F172" s="92">
        <v>3.6817153546641404E-2</v>
      </c>
      <c r="G172" s="194">
        <v>0.12829755669766016</v>
      </c>
      <c r="H172" s="92">
        <v>4.7574061174096419E-2</v>
      </c>
      <c r="I172" s="194">
        <v>0.79340142648839884</v>
      </c>
      <c r="J172" s="92">
        <v>5.6842929934339939E-2</v>
      </c>
      <c r="K172" s="194">
        <v>1.07479536045196E-2</v>
      </c>
      <c r="L172" s="92">
        <v>1.9557409412862076E-2</v>
      </c>
      <c r="M172" s="192">
        <v>204</v>
      </c>
      <c r="N172" s="175">
        <v>5.9146143735444561</v>
      </c>
      <c r="O172" s="127">
        <v>0.20059655830685527</v>
      </c>
      <c r="P172" s="194">
        <v>9.7640401750334269E-2</v>
      </c>
      <c r="Q172" s="92">
        <v>4.2578783370687323E-2</v>
      </c>
      <c r="R172" s="194">
        <v>5.0434716926823588E-2</v>
      </c>
      <c r="S172" s="92">
        <v>3.2696075022244607E-2</v>
      </c>
      <c r="T172" s="194">
        <v>0.83961859349276158</v>
      </c>
      <c r="U172" s="92">
        <v>5.1711615182892419E-2</v>
      </c>
      <c r="V172" s="194">
        <v>1.2306287830080212E-2</v>
      </c>
      <c r="W172" s="92">
        <v>2.0198425906170072E-2</v>
      </c>
      <c r="X172" s="192">
        <v>202</v>
      </c>
      <c r="Y172" s="175">
        <v>4.7423077650142824</v>
      </c>
      <c r="Z172" s="127">
        <v>0.25742881176466814</v>
      </c>
      <c r="AA172" s="194">
        <v>0.27998230484554226</v>
      </c>
      <c r="AB172" s="92">
        <v>6.2853486012626358E-2</v>
      </c>
      <c r="AC172" s="194">
        <v>0.12791684968088976</v>
      </c>
      <c r="AD172" s="92">
        <v>4.7639110251080231E-2</v>
      </c>
      <c r="AE172" s="194">
        <v>0.57336132672782969</v>
      </c>
      <c r="AF172" s="92">
        <v>6.8948424762570251E-2</v>
      </c>
      <c r="AG172" s="194">
        <v>1.8739518745738606E-2</v>
      </c>
      <c r="AH172" s="92">
        <v>2.3022002950021853E-2</v>
      </c>
    </row>
    <row r="173" spans="1:34">
      <c r="A173" s="52" t="s">
        <v>553</v>
      </c>
      <c r="B173" s="191">
        <v>266</v>
      </c>
      <c r="C173" s="79">
        <v>5.4769693459199376</v>
      </c>
      <c r="D173" s="80">
        <v>0.19021312782924185</v>
      </c>
      <c r="E173" s="193">
        <v>0.12270851747946869</v>
      </c>
      <c r="F173" s="89">
        <v>4.0704470361673926E-2</v>
      </c>
      <c r="G173" s="193">
        <v>0.10209853363999746</v>
      </c>
      <c r="H173" s="89">
        <v>3.7777281469181329E-2</v>
      </c>
      <c r="I173" s="193">
        <v>0.74547105951245085</v>
      </c>
      <c r="J173" s="89">
        <v>5.3266082349943206E-2</v>
      </c>
      <c r="K173" s="193">
        <v>2.9721889368083322E-2</v>
      </c>
      <c r="L173" s="89">
        <v>2.2882272545224347E-2</v>
      </c>
      <c r="M173" s="191">
        <v>268</v>
      </c>
      <c r="N173" s="79">
        <v>5.5996020870059677</v>
      </c>
      <c r="O173" s="80">
        <v>0.17106392980031204</v>
      </c>
      <c r="P173" s="193">
        <v>9.3547127685384701E-2</v>
      </c>
      <c r="Q173" s="89">
        <v>3.6303312607674061E-2</v>
      </c>
      <c r="R173" s="193">
        <v>0.10008023492352711</v>
      </c>
      <c r="S173" s="89">
        <v>3.7324804078692021E-2</v>
      </c>
      <c r="T173" s="193">
        <v>0.78450789615239447</v>
      </c>
      <c r="U173" s="89">
        <v>5.0208166580051145E-2</v>
      </c>
      <c r="V173" s="193">
        <v>2.1864741238694071E-2</v>
      </c>
      <c r="W173" s="89">
        <v>2.0314134124097501E-2</v>
      </c>
      <c r="X173" s="191">
        <v>266</v>
      </c>
      <c r="Y173" s="79">
        <v>4.3980221459454736</v>
      </c>
      <c r="Z173" s="80">
        <v>0.2207444707933012</v>
      </c>
      <c r="AA173" s="193">
        <v>0.33591584206250197</v>
      </c>
      <c r="AB173" s="89">
        <v>5.7589635972513736E-2</v>
      </c>
      <c r="AC173" s="193">
        <v>0.18111100829679319</v>
      </c>
      <c r="AD173" s="89">
        <v>4.7344370352347766E-2</v>
      </c>
      <c r="AE173" s="193">
        <v>0.46080073000643368</v>
      </c>
      <c r="AF173" s="89">
        <v>6.0676263998253294E-2</v>
      </c>
      <c r="AG173" s="193">
        <v>2.2172419634271842E-2</v>
      </c>
      <c r="AH173" s="89">
        <v>2.051041486626139E-2</v>
      </c>
    </row>
    <row r="174" spans="1:34">
      <c r="A174" s="44" t="s">
        <v>554</v>
      </c>
      <c r="B174" s="192">
        <v>225</v>
      </c>
      <c r="C174" s="175">
        <v>5.5190283341250446</v>
      </c>
      <c r="D174" s="127">
        <v>0.20441436459278178</v>
      </c>
      <c r="E174" s="194">
        <v>0.13071223529954093</v>
      </c>
      <c r="F174" s="92">
        <v>4.5466831665273232E-2</v>
      </c>
      <c r="G174" s="194">
        <v>5.8372970552115711E-2</v>
      </c>
      <c r="H174" s="92">
        <v>3.283397188981807E-2</v>
      </c>
      <c r="I174" s="194">
        <v>0.79049473423257144</v>
      </c>
      <c r="J174" s="92">
        <v>5.4257205115704886E-2</v>
      </c>
      <c r="K174" s="194">
        <v>2.042005991577215E-2</v>
      </c>
      <c r="L174" s="92">
        <v>2.2102474627073571E-2</v>
      </c>
      <c r="M174" s="192">
        <v>227</v>
      </c>
      <c r="N174" s="175">
        <v>5.7818621997535233</v>
      </c>
      <c r="O174" s="127">
        <v>0.18300739241629654</v>
      </c>
      <c r="P174" s="194">
        <v>7.7336410212619888E-2</v>
      </c>
      <c r="Q174" s="92">
        <v>3.6630540368465948E-2</v>
      </c>
      <c r="R174" s="194">
        <v>6.3060123827512554E-2</v>
      </c>
      <c r="S174" s="92">
        <v>3.3713363867806941E-2</v>
      </c>
      <c r="T174" s="194">
        <v>0.84806025764415838</v>
      </c>
      <c r="U174" s="92">
        <v>4.7992290614868365E-2</v>
      </c>
      <c r="V174" s="194">
        <v>1.1543208315709388E-2</v>
      </c>
      <c r="W174" s="92">
        <v>1.8423249565874034E-2</v>
      </c>
      <c r="X174" s="192">
        <v>228</v>
      </c>
      <c r="Y174" s="175">
        <v>4.2721925738917541</v>
      </c>
      <c r="Z174" s="127">
        <v>0.24476449250300517</v>
      </c>
      <c r="AA174" s="194">
        <v>0.36110569459961162</v>
      </c>
      <c r="AB174" s="92">
        <v>6.3159331326942542E-2</v>
      </c>
      <c r="AC174" s="194">
        <v>0.17383786381819394</v>
      </c>
      <c r="AD174" s="92">
        <v>5.0387288552816212E-2</v>
      </c>
      <c r="AE174" s="194">
        <v>0.44135670599346782</v>
      </c>
      <c r="AF174" s="92">
        <v>6.5215627650130087E-2</v>
      </c>
      <c r="AG174" s="194">
        <v>2.3699735588727514E-2</v>
      </c>
      <c r="AH174" s="92">
        <v>2.3079116381889878E-2</v>
      </c>
    </row>
    <row r="177" spans="1:32" ht="18.75">
      <c r="A177" s="284" t="s">
        <v>238</v>
      </c>
      <c r="B177" s="284"/>
      <c r="C177" s="284"/>
      <c r="D177" s="284"/>
      <c r="E177" s="284"/>
      <c r="F177" s="284"/>
      <c r="G177" s="284"/>
      <c r="H177" s="284"/>
      <c r="I177" s="284"/>
      <c r="J177" s="284"/>
      <c r="K177" s="284"/>
      <c r="L177" s="284"/>
      <c r="M177" s="224"/>
      <c r="N177" s="224"/>
      <c r="O177" s="224"/>
      <c r="P177" s="242"/>
      <c r="Q177" s="242"/>
      <c r="R177" s="242"/>
      <c r="S177" s="242"/>
      <c r="T177" s="242"/>
      <c r="U177" s="242"/>
      <c r="V177" s="242"/>
      <c r="W177" s="242"/>
      <c r="X177" s="242"/>
      <c r="Y177" s="242"/>
      <c r="Z177" s="242"/>
      <c r="AA177" s="242"/>
      <c r="AB177" s="242"/>
    </row>
    <row r="178" spans="1:32" ht="41.25" customHeight="1">
      <c r="A178" s="425" t="s">
        <v>612</v>
      </c>
      <c r="B178" s="425"/>
      <c r="C178" s="425"/>
      <c r="D178" s="425"/>
      <c r="E178" s="425"/>
      <c r="F178" s="425"/>
      <c r="G178" s="425"/>
      <c r="H178" s="425"/>
      <c r="I178" s="425"/>
      <c r="J178" s="425"/>
      <c r="K178" s="425"/>
      <c r="L178" s="425"/>
      <c r="M178" s="286"/>
      <c r="N178" s="230"/>
      <c r="O178" s="230"/>
      <c r="P178" s="242"/>
      <c r="Q178" s="242"/>
      <c r="R178" s="242"/>
      <c r="S178" s="242"/>
      <c r="T178" s="242"/>
      <c r="U178" s="242"/>
      <c r="V178" s="242"/>
      <c r="W178" s="242"/>
      <c r="X178" s="242"/>
      <c r="Y178" s="242"/>
      <c r="Z178" s="242"/>
      <c r="AA178" s="242"/>
      <c r="AB178" s="242"/>
    </row>
    <row r="179" spans="1:32" ht="36" customHeight="1">
      <c r="A179" s="59"/>
      <c r="B179" s="393" t="s">
        <v>239</v>
      </c>
      <c r="C179" s="394"/>
      <c r="D179" s="394"/>
      <c r="E179" s="394"/>
      <c r="F179" s="394"/>
      <c r="G179" s="394"/>
      <c r="H179" s="394"/>
      <c r="I179" s="394"/>
      <c r="J179" s="394"/>
      <c r="K179" s="394"/>
      <c r="L179" s="395"/>
      <c r="M179" s="242"/>
      <c r="N179" s="242"/>
      <c r="O179" s="242"/>
      <c r="P179" s="242"/>
      <c r="Q179" s="242"/>
      <c r="R179" s="242"/>
      <c r="S179" s="242"/>
      <c r="T179" s="242"/>
      <c r="U179" s="242"/>
      <c r="V179" s="242"/>
      <c r="W179" s="242"/>
      <c r="X179" s="242"/>
      <c r="Y179" s="242"/>
      <c r="Z179" s="242"/>
      <c r="AA179" s="242"/>
      <c r="AB179" s="242"/>
      <c r="AC179" s="242"/>
      <c r="AD179" s="242"/>
      <c r="AE179" s="242"/>
      <c r="AF179" s="242"/>
    </row>
    <row r="180" spans="1:32" ht="39.75" customHeight="1">
      <c r="A180" s="32" t="s">
        <v>71</v>
      </c>
      <c r="B180" s="33" t="s">
        <v>72</v>
      </c>
      <c r="C180" s="34" t="s">
        <v>593</v>
      </c>
      <c r="D180" s="35" t="s">
        <v>73</v>
      </c>
      <c r="E180" s="33" t="s">
        <v>312</v>
      </c>
      <c r="F180" s="84" t="s">
        <v>143</v>
      </c>
      <c r="G180" s="33" t="s">
        <v>313</v>
      </c>
      <c r="H180" s="84" t="s">
        <v>144</v>
      </c>
      <c r="I180" s="33" t="s">
        <v>314</v>
      </c>
      <c r="J180" s="84" t="s">
        <v>117</v>
      </c>
      <c r="K180" s="33" t="s">
        <v>301</v>
      </c>
      <c r="L180" s="84" t="s">
        <v>315</v>
      </c>
      <c r="M180" s="242"/>
      <c r="N180" s="242"/>
      <c r="O180" s="242"/>
      <c r="P180" s="242"/>
      <c r="Q180" s="242"/>
      <c r="R180" s="242"/>
      <c r="S180" s="242"/>
      <c r="T180" s="242"/>
      <c r="U180" s="242"/>
      <c r="V180" s="242"/>
      <c r="W180" s="242"/>
      <c r="X180" s="242"/>
      <c r="Y180" s="242"/>
      <c r="Z180" s="242"/>
      <c r="AA180" s="242"/>
      <c r="AB180" s="242"/>
      <c r="AC180" s="242"/>
      <c r="AD180" s="242"/>
      <c r="AE180" s="242"/>
      <c r="AF180" s="242"/>
    </row>
    <row r="181" spans="1:32" ht="72">
      <c r="A181" s="36"/>
      <c r="B181" s="37" t="s">
        <v>74</v>
      </c>
      <c r="C181" s="123" t="s">
        <v>304</v>
      </c>
      <c r="D181" s="39" t="s">
        <v>76</v>
      </c>
      <c r="E181" s="37" t="s">
        <v>159</v>
      </c>
      <c r="F181" s="86" t="s">
        <v>88</v>
      </c>
      <c r="G181" s="37" t="s">
        <v>160</v>
      </c>
      <c r="H181" s="86" t="s">
        <v>88</v>
      </c>
      <c r="I181" s="37" t="s">
        <v>161</v>
      </c>
      <c r="J181" s="86" t="s">
        <v>88</v>
      </c>
      <c r="K181" s="37" t="s">
        <v>301</v>
      </c>
      <c r="L181" s="86" t="s">
        <v>88</v>
      </c>
    </row>
    <row r="182" spans="1:32">
      <c r="A182" s="40" t="s">
        <v>350</v>
      </c>
      <c r="B182" s="195">
        <v>13838</v>
      </c>
      <c r="C182" s="79">
        <v>4.7531192671633828</v>
      </c>
      <c r="D182" s="80">
        <v>2.7919035805388397E-2</v>
      </c>
      <c r="E182" s="193">
        <v>0.19002045105263729</v>
      </c>
      <c r="F182" s="89">
        <v>6.6703112055608339E-3</v>
      </c>
      <c r="G182" s="193">
        <v>0.1840468065802596</v>
      </c>
      <c r="H182" s="89">
        <v>6.5888669336456353E-3</v>
      </c>
      <c r="I182" s="193">
        <v>0.57979952345395602</v>
      </c>
      <c r="J182" s="89">
        <v>8.3907551919310368E-3</v>
      </c>
      <c r="K182" s="193">
        <v>4.6133218913162459E-2</v>
      </c>
      <c r="L182" s="89">
        <v>3.5708197407605087E-3</v>
      </c>
    </row>
    <row r="183" spans="1:32">
      <c r="A183" s="44" t="s">
        <v>351</v>
      </c>
      <c r="B183" s="44">
        <v>10167</v>
      </c>
      <c r="C183" s="175">
        <v>4.5506508062160735</v>
      </c>
      <c r="D183" s="127">
        <v>3.3212653597497817E-2</v>
      </c>
      <c r="E183" s="194">
        <v>0.23948467955034444</v>
      </c>
      <c r="F183" s="92">
        <v>8.4645649693695091E-3</v>
      </c>
      <c r="G183" s="194">
        <v>0.17748811872500828</v>
      </c>
      <c r="H183" s="92">
        <v>7.5792378329316047E-3</v>
      </c>
      <c r="I183" s="194">
        <v>0.54233865221360755</v>
      </c>
      <c r="J183" s="92">
        <v>9.8799966681224032E-3</v>
      </c>
      <c r="K183" s="194">
        <v>4.0688549511036121E-2</v>
      </c>
      <c r="L183" s="92">
        <v>3.9263144682149921E-3</v>
      </c>
    </row>
    <row r="184" spans="1:32">
      <c r="A184" s="40" t="s">
        <v>352</v>
      </c>
      <c r="B184" s="48">
        <v>3671</v>
      </c>
      <c r="C184" s="79">
        <v>4.9204671233886801</v>
      </c>
      <c r="D184" s="80">
        <v>4.9751738154754886E-2</v>
      </c>
      <c r="E184" s="193">
        <v>0.14955824544207372</v>
      </c>
      <c r="F184" s="89">
        <v>1.1778350780796388E-2</v>
      </c>
      <c r="G184" s="193">
        <v>0.18941187512765661</v>
      </c>
      <c r="H184" s="89">
        <v>1.293604968490268E-2</v>
      </c>
      <c r="I184" s="193">
        <v>0.61044286957522487</v>
      </c>
      <c r="J184" s="89">
        <v>1.6089170254407308E-2</v>
      </c>
      <c r="K184" s="193">
        <v>5.0587009855044267E-2</v>
      </c>
      <c r="L184" s="89">
        <v>7.2631690039010729E-3</v>
      </c>
    </row>
    <row r="185" spans="1:32">
      <c r="A185" s="44" t="s">
        <v>534</v>
      </c>
      <c r="B185" s="44">
        <v>3178</v>
      </c>
      <c r="C185" s="175">
        <v>4.7901331396737943</v>
      </c>
      <c r="D185" s="127">
        <v>5.8574628737325191E-2</v>
      </c>
      <c r="E185" s="194">
        <v>0.1820244717564975</v>
      </c>
      <c r="F185" s="92">
        <v>1.3692575288130317E-2</v>
      </c>
      <c r="G185" s="194">
        <v>0.17647807042109498</v>
      </c>
      <c r="H185" s="92">
        <v>1.3528680430562256E-2</v>
      </c>
      <c r="I185" s="194">
        <v>0.58989978642990737</v>
      </c>
      <c r="J185" s="92">
        <v>1.743942861629303E-2</v>
      </c>
      <c r="K185" s="194">
        <v>5.1597671392495242E-2</v>
      </c>
      <c r="L185" s="92">
        <v>7.883544195761762E-3</v>
      </c>
    </row>
    <row r="186" spans="1:32">
      <c r="A186" s="40" t="s">
        <v>535</v>
      </c>
      <c r="B186" s="48">
        <v>2500</v>
      </c>
      <c r="C186" s="79">
        <v>4.5114185682666683</v>
      </c>
      <c r="D186" s="80">
        <v>6.6705174988567525E-2</v>
      </c>
      <c r="E186" s="193">
        <v>0.24856592861376151</v>
      </c>
      <c r="F186" s="89">
        <v>1.7282778938797566E-2</v>
      </c>
      <c r="G186" s="193">
        <v>0.17104556438554716</v>
      </c>
      <c r="H186" s="89">
        <v>1.5068238037251951E-2</v>
      </c>
      <c r="I186" s="193">
        <v>0.5448338440380347</v>
      </c>
      <c r="J186" s="89">
        <v>1.9903775841461087E-2</v>
      </c>
      <c r="K186" s="193">
        <v>3.5554662962658259E-2</v>
      </c>
      <c r="L186" s="89">
        <v>7.4751073688600917E-3</v>
      </c>
    </row>
    <row r="187" spans="1:32">
      <c r="A187" s="44" t="s">
        <v>536</v>
      </c>
      <c r="B187" s="44">
        <v>365</v>
      </c>
      <c r="C187" s="175">
        <v>4.2507253638485336</v>
      </c>
      <c r="D187" s="127">
        <v>0.17757264957264959</v>
      </c>
      <c r="E187" s="194">
        <v>0.29523272940609091</v>
      </c>
      <c r="F187" s="92">
        <v>4.759523118463263E-2</v>
      </c>
      <c r="G187" s="194">
        <v>0.18510412013043365</v>
      </c>
      <c r="H187" s="92">
        <v>4.0722303729427457E-2</v>
      </c>
      <c r="I187" s="194">
        <v>0.47034169164154194</v>
      </c>
      <c r="J187" s="92">
        <v>5.1968236247509875E-2</v>
      </c>
      <c r="K187" s="194">
        <v>4.9321458821933194E-2</v>
      </c>
      <c r="L187" s="92">
        <v>2.3574474979548649E-2</v>
      </c>
    </row>
    <row r="188" spans="1:32">
      <c r="A188" s="40" t="s">
        <v>537</v>
      </c>
      <c r="B188" s="48">
        <v>85</v>
      </c>
      <c r="C188" s="79">
        <v>4.4523511570933598</v>
      </c>
      <c r="D188" s="80">
        <v>0.35735159111838855</v>
      </c>
      <c r="E188" s="193">
        <v>0.26484939178082828</v>
      </c>
      <c r="F188" s="89">
        <v>9.4705434892583915E-2</v>
      </c>
      <c r="G188" s="193">
        <v>0.22982267538559295</v>
      </c>
      <c r="H188" s="89">
        <v>9.0793798896780659E-2</v>
      </c>
      <c r="I188" s="193">
        <v>0.46159858493484912</v>
      </c>
      <c r="J188" s="89">
        <v>0.10571424426603805</v>
      </c>
      <c r="K188" s="193">
        <v>4.3729347898730293E-2</v>
      </c>
      <c r="L188" s="89">
        <v>5.1976504620609952E-2</v>
      </c>
    </row>
    <row r="189" spans="1:32">
      <c r="A189" s="44" t="s">
        <v>538</v>
      </c>
      <c r="B189" s="44">
        <v>62</v>
      </c>
      <c r="C189" s="175">
        <v>3.8872221165871377</v>
      </c>
      <c r="D189" s="127">
        <v>0.42208963878894518</v>
      </c>
      <c r="E189" s="194">
        <v>0.41537643557398513</v>
      </c>
      <c r="F189" s="92">
        <v>0.12152579640576001</v>
      </c>
      <c r="G189" s="194">
        <v>0.19486450508661834</v>
      </c>
      <c r="H189" s="92">
        <v>0.10085576700436541</v>
      </c>
      <c r="I189" s="194">
        <v>0.37479704097337929</v>
      </c>
      <c r="J189" s="92">
        <v>0.11963751694063461</v>
      </c>
      <c r="K189" s="194">
        <v>1.4962018366016856E-2</v>
      </c>
      <c r="L189" s="92">
        <v>5.0686561769117525E-2</v>
      </c>
    </row>
    <row r="190" spans="1:32">
      <c r="A190" s="40" t="s">
        <v>539</v>
      </c>
      <c r="B190" s="48">
        <v>64</v>
      </c>
      <c r="C190" s="79">
        <v>4.5434814473285838</v>
      </c>
      <c r="D190" s="80">
        <v>0.41745020114157927</v>
      </c>
      <c r="E190" s="193">
        <v>0.20172399955019396</v>
      </c>
      <c r="F190" s="89">
        <v>0.10034952700724716</v>
      </c>
      <c r="G190" s="193">
        <v>0.17813738358588802</v>
      </c>
      <c r="H190" s="89">
        <v>9.6477277149844456E-2</v>
      </c>
      <c r="I190" s="193">
        <v>0.55034844907362945</v>
      </c>
      <c r="J190" s="89">
        <v>0.12072196873476468</v>
      </c>
      <c r="K190" s="193">
        <v>6.9790167790288585E-2</v>
      </c>
      <c r="L190" s="89">
        <v>7.1147427614538503E-2</v>
      </c>
    </row>
    <row r="191" spans="1:32">
      <c r="A191" s="44" t="s">
        <v>540</v>
      </c>
      <c r="B191" s="44">
        <v>77</v>
      </c>
      <c r="C191" s="175">
        <v>3.9123380160617609</v>
      </c>
      <c r="D191" s="127">
        <v>0.38353810744840738</v>
      </c>
      <c r="E191" s="194">
        <v>0.34853573161287238</v>
      </c>
      <c r="F191" s="92">
        <v>0.10640441115648992</v>
      </c>
      <c r="G191" s="194">
        <v>0.14980416959966261</v>
      </c>
      <c r="H191" s="92">
        <v>8.2902923788174113E-2</v>
      </c>
      <c r="I191" s="194">
        <v>0.40000490526458277</v>
      </c>
      <c r="J191" s="92">
        <v>0.10908466625087192</v>
      </c>
      <c r="K191" s="194">
        <v>0.10165519352288158</v>
      </c>
      <c r="L191" s="92">
        <v>7.2556971978490467E-2</v>
      </c>
    </row>
    <row r="192" spans="1:32">
      <c r="A192" s="40" t="s">
        <v>541</v>
      </c>
      <c r="B192" s="195">
        <v>77</v>
      </c>
      <c r="C192" s="79">
        <v>4.3084523846538261</v>
      </c>
      <c r="D192" s="80">
        <v>0.39779374936769812</v>
      </c>
      <c r="E192" s="193">
        <v>0.28183608607739702</v>
      </c>
      <c r="F192" s="89">
        <v>0.1011023750198532</v>
      </c>
      <c r="G192" s="193">
        <v>0.1657024031577484</v>
      </c>
      <c r="H192" s="89">
        <v>8.5781837767388514E-2</v>
      </c>
      <c r="I192" s="193">
        <v>0.53293985808403188</v>
      </c>
      <c r="J192" s="89">
        <v>0.1108930045115475</v>
      </c>
      <c r="K192" s="193">
        <v>1.9521652680823655E-2</v>
      </c>
      <c r="L192" s="89">
        <v>4.5203793315800878E-2</v>
      </c>
    </row>
    <row r="193" spans="1:45">
      <c r="A193" s="44" t="s">
        <v>542</v>
      </c>
      <c r="B193" s="196">
        <v>602</v>
      </c>
      <c r="C193" s="175">
        <v>4.6852563947594907</v>
      </c>
      <c r="D193" s="127">
        <v>0.13474229775276117</v>
      </c>
      <c r="E193" s="194">
        <v>0.21086650306788346</v>
      </c>
      <c r="F193" s="92">
        <v>3.3250899887152949E-2</v>
      </c>
      <c r="G193" s="194">
        <v>0.16058324381749445</v>
      </c>
      <c r="H193" s="92">
        <v>2.9995828942380193E-2</v>
      </c>
      <c r="I193" s="194">
        <v>0.58283234932575145</v>
      </c>
      <c r="J193" s="92">
        <v>4.0068347535414592E-2</v>
      </c>
      <c r="K193" s="194">
        <v>4.5717903788864075E-2</v>
      </c>
      <c r="L193" s="92">
        <v>1.7489869103620603E-2</v>
      </c>
    </row>
    <row r="194" spans="1:45">
      <c r="A194" s="40" t="s">
        <v>543</v>
      </c>
      <c r="B194" s="49">
        <v>58</v>
      </c>
      <c r="C194" s="79">
        <v>5.0496480031986115</v>
      </c>
      <c r="D194" s="80">
        <v>0.4099472787443067</v>
      </c>
      <c r="E194" s="193">
        <v>9.1749915887708339E-2</v>
      </c>
      <c r="F194" s="89">
        <v>8.1969194143475421E-2</v>
      </c>
      <c r="G194" s="193">
        <v>9.279668550863239E-2</v>
      </c>
      <c r="H194" s="89">
        <v>8.2262643940657021E-2</v>
      </c>
      <c r="I194" s="193">
        <v>0.74906756342288605</v>
      </c>
      <c r="J194" s="89">
        <v>0.11236794722091631</v>
      </c>
      <c r="K194" s="193">
        <v>6.6385835180773289E-2</v>
      </c>
      <c r="L194" s="89">
        <v>7.425194907935205E-2</v>
      </c>
    </row>
    <row r="195" spans="1:45">
      <c r="A195" s="44" t="s">
        <v>550</v>
      </c>
      <c r="B195" s="196">
        <v>106</v>
      </c>
      <c r="C195" s="175">
        <v>4.5103189631481886</v>
      </c>
      <c r="D195" s="127">
        <v>0.3274218390823847</v>
      </c>
      <c r="E195" s="194">
        <v>0.23935487426798702</v>
      </c>
      <c r="F195" s="92">
        <v>8.2443386029053711E-2</v>
      </c>
      <c r="G195" s="194">
        <v>0.17170400509599396</v>
      </c>
      <c r="H195" s="92">
        <v>7.3834616653688664E-2</v>
      </c>
      <c r="I195" s="194">
        <v>0.5138963355753936</v>
      </c>
      <c r="J195" s="92">
        <v>9.5312057948710796E-2</v>
      </c>
      <c r="K195" s="194">
        <v>7.504478506062541E-2</v>
      </c>
      <c r="L195" s="92">
        <v>5.4708439736516366E-2</v>
      </c>
    </row>
    <row r="196" spans="1:45">
      <c r="A196" s="52" t="s">
        <v>544</v>
      </c>
      <c r="B196" s="195">
        <v>118</v>
      </c>
      <c r="C196" s="79">
        <v>4.6512310877165017</v>
      </c>
      <c r="D196" s="80">
        <v>0.29754054685128667</v>
      </c>
      <c r="E196" s="193">
        <v>0.21491962339297627</v>
      </c>
      <c r="F196" s="89">
        <v>7.5524623831947552E-2</v>
      </c>
      <c r="G196" s="193">
        <v>0.21956213493758611</v>
      </c>
      <c r="H196" s="89">
        <v>7.6055876090685481E-2</v>
      </c>
      <c r="I196" s="193">
        <v>0.5580295094340546</v>
      </c>
      <c r="J196" s="89">
        <v>8.9963520987483378E-2</v>
      </c>
      <c r="K196" s="193">
        <v>7.4887322353834242E-3</v>
      </c>
      <c r="L196" s="89">
        <v>2.7507347321288837E-2</v>
      </c>
    </row>
    <row r="197" spans="1:45">
      <c r="A197" s="44" t="s">
        <v>545</v>
      </c>
      <c r="B197" s="196">
        <v>155</v>
      </c>
      <c r="C197" s="175">
        <v>4.895711171995651</v>
      </c>
      <c r="D197" s="127">
        <v>0.26636454285479511</v>
      </c>
      <c r="E197" s="194">
        <v>0.16933884906885979</v>
      </c>
      <c r="F197" s="92">
        <v>6.0624678532532381E-2</v>
      </c>
      <c r="G197" s="194">
        <v>0.14185830198943405</v>
      </c>
      <c r="H197" s="92">
        <v>5.676985547962745E-2</v>
      </c>
      <c r="I197" s="194">
        <v>0.62670237893636416</v>
      </c>
      <c r="J197" s="92">
        <v>7.6847323935821485E-2</v>
      </c>
      <c r="K197" s="194">
        <v>6.210047000534253E-2</v>
      </c>
      <c r="L197" s="92">
        <v>4.129072943968834E-2</v>
      </c>
    </row>
    <row r="198" spans="1:45">
      <c r="A198" s="52" t="s">
        <v>546</v>
      </c>
      <c r="B198" s="195">
        <v>71</v>
      </c>
      <c r="C198" s="79">
        <v>4.8970387591683471</v>
      </c>
      <c r="D198" s="80">
        <v>0.39115481191917129</v>
      </c>
      <c r="E198" s="193">
        <v>0.17926696631095665</v>
      </c>
      <c r="F198" s="89">
        <v>9.17418057414736E-2</v>
      </c>
      <c r="G198" s="193">
        <v>8.4392970795226424E-2</v>
      </c>
      <c r="H198" s="89">
        <v>7.125687875851397E-2</v>
      </c>
      <c r="I198" s="193">
        <v>0.73634006289381626</v>
      </c>
      <c r="J198" s="89">
        <v>0.10326471708221269</v>
      </c>
      <c r="K198" s="193">
        <v>0</v>
      </c>
      <c r="L198" s="89">
        <v>3.7206132509255738E-2</v>
      </c>
    </row>
    <row r="199" spans="1:45">
      <c r="A199" s="44" t="s">
        <v>547</v>
      </c>
      <c r="B199" s="196">
        <v>94</v>
      </c>
      <c r="C199" s="175">
        <v>4.0477803361252613</v>
      </c>
      <c r="D199" s="127">
        <v>0.32735627407690659</v>
      </c>
      <c r="E199" s="194">
        <v>0.37433890690382088</v>
      </c>
      <c r="F199" s="92">
        <v>9.8036232446101282E-2</v>
      </c>
      <c r="G199" s="194">
        <v>0.21023629218476375</v>
      </c>
      <c r="H199" s="92">
        <v>8.397065486964353E-2</v>
      </c>
      <c r="I199" s="194">
        <v>0.35393064543722708</v>
      </c>
      <c r="J199" s="92">
        <v>9.6968316570292742E-2</v>
      </c>
      <c r="K199" s="194">
        <v>6.149415547418715E-2</v>
      </c>
      <c r="L199" s="92">
        <v>5.4618979829555325E-2</v>
      </c>
    </row>
    <row r="200" spans="1:45">
      <c r="A200" s="52" t="s">
        <v>551</v>
      </c>
      <c r="B200" s="195">
        <v>749</v>
      </c>
      <c r="C200" s="79">
        <v>4.9044678742357197</v>
      </c>
      <c r="D200" s="80">
        <v>0.11143537364282606</v>
      </c>
      <c r="E200" s="193">
        <v>0.1532496857756579</v>
      </c>
      <c r="F200" s="89">
        <v>2.6383446066776086E-2</v>
      </c>
      <c r="G200" s="193">
        <v>0.18006308623765729</v>
      </c>
      <c r="H200" s="89">
        <v>2.8107644430405143E-2</v>
      </c>
      <c r="I200" s="193">
        <v>0.60869495696858889</v>
      </c>
      <c r="J200" s="89">
        <v>3.5579855618935438E-2</v>
      </c>
      <c r="K200" s="193">
        <v>5.7992271018095849E-2</v>
      </c>
      <c r="L200" s="89">
        <v>1.7354870790254977E-2</v>
      </c>
    </row>
    <row r="201" spans="1:45">
      <c r="A201" s="44" t="s">
        <v>552</v>
      </c>
      <c r="B201" s="196">
        <v>211</v>
      </c>
      <c r="C201" s="175">
        <v>5.0233014666070037</v>
      </c>
      <c r="D201" s="127">
        <v>0.18977634054123296</v>
      </c>
      <c r="E201" s="194">
        <v>0.12005229082748985</v>
      </c>
      <c r="F201" s="92">
        <v>4.5435630943579899E-2</v>
      </c>
      <c r="G201" s="194">
        <v>0.19365284666484187</v>
      </c>
      <c r="H201" s="92">
        <v>5.4493179035358448E-2</v>
      </c>
      <c r="I201" s="194">
        <v>0.64205426608593286</v>
      </c>
      <c r="J201" s="92">
        <v>6.5494819629685785E-2</v>
      </c>
      <c r="K201" s="194">
        <v>4.4240596421735452E-2</v>
      </c>
      <c r="L201" s="92">
        <v>3.0481548971719615E-2</v>
      </c>
    </row>
    <row r="202" spans="1:45">
      <c r="A202" s="52" t="s">
        <v>553</v>
      </c>
      <c r="B202" s="195">
        <v>272</v>
      </c>
      <c r="C202" s="79">
        <v>4.8399808225472603</v>
      </c>
      <c r="D202" s="80">
        <v>0.18954881724591466</v>
      </c>
      <c r="E202" s="193">
        <v>0.1593001909569664</v>
      </c>
      <c r="F202" s="89">
        <v>4.4601909301536208E-2</v>
      </c>
      <c r="G202" s="193">
        <v>0.17927547800030319</v>
      </c>
      <c r="H202" s="89">
        <v>4.6640118788624688E-2</v>
      </c>
      <c r="I202" s="193">
        <v>0.57864116093041928</v>
      </c>
      <c r="J202" s="89">
        <v>5.9465436037269621E-2</v>
      </c>
      <c r="K202" s="193">
        <v>8.278317011231201E-2</v>
      </c>
      <c r="L202" s="89">
        <v>3.4249523237023384E-2</v>
      </c>
    </row>
    <row r="203" spans="1:45">
      <c r="A203" s="44" t="s">
        <v>554</v>
      </c>
      <c r="B203" s="196">
        <v>236</v>
      </c>
      <c r="C203" s="175">
        <v>4.7951458367844273</v>
      </c>
      <c r="D203" s="127">
        <v>0.21088170459604436</v>
      </c>
      <c r="E203" s="194">
        <v>0.19002394995343252</v>
      </c>
      <c r="F203" s="92">
        <v>5.1168186155134097E-2</v>
      </c>
      <c r="G203" s="194">
        <v>0.16232614465475348</v>
      </c>
      <c r="H203" s="92">
        <v>4.8260660642286249E-2</v>
      </c>
      <c r="I203" s="194">
        <v>0.60298436141794753</v>
      </c>
      <c r="J203" s="92">
        <v>6.32119188669161E-2</v>
      </c>
      <c r="K203" s="194">
        <v>4.4665543973867086E-2</v>
      </c>
      <c r="L203" s="92">
        <v>2.8729753411452355E-2</v>
      </c>
    </row>
    <row r="204" spans="1:45">
      <c r="P204" s="242"/>
      <c r="Q204" s="242"/>
      <c r="R204" s="242"/>
      <c r="S204" s="242"/>
      <c r="T204" s="242"/>
      <c r="U204" s="242"/>
      <c r="V204" s="242"/>
      <c r="W204" s="242"/>
      <c r="X204" s="242"/>
      <c r="Y204" s="242"/>
      <c r="Z204" s="242"/>
      <c r="AA204" s="242"/>
      <c r="AB204" s="242"/>
      <c r="AC204" s="242"/>
      <c r="AD204" s="242"/>
      <c r="AE204" s="242"/>
      <c r="AF204" s="242"/>
      <c r="AG204" s="242"/>
      <c r="AH204" s="242"/>
      <c r="AI204" s="242"/>
      <c r="AJ204" s="242"/>
      <c r="AK204" s="242"/>
      <c r="AL204" s="242"/>
      <c r="AM204" s="242"/>
      <c r="AN204" s="242"/>
      <c r="AO204" s="242"/>
      <c r="AP204" s="242"/>
      <c r="AQ204" s="242"/>
      <c r="AR204" s="242"/>
      <c r="AS204" s="242"/>
    </row>
    <row r="205" spans="1:45">
      <c r="P205" s="242"/>
      <c r="Q205" s="242"/>
      <c r="R205" s="242"/>
      <c r="S205" s="242"/>
      <c r="T205" s="242"/>
      <c r="U205" s="242"/>
      <c r="V205" s="242"/>
      <c r="W205" s="242"/>
      <c r="X205" s="242"/>
      <c r="Y205" s="242"/>
      <c r="Z205" s="242"/>
      <c r="AA205" s="242"/>
      <c r="AB205" s="242"/>
      <c r="AC205" s="242"/>
      <c r="AD205" s="242"/>
      <c r="AE205" s="242"/>
      <c r="AF205" s="242"/>
      <c r="AG205" s="242"/>
      <c r="AH205" s="242"/>
      <c r="AI205" s="242"/>
      <c r="AJ205" s="242"/>
      <c r="AK205" s="242"/>
      <c r="AL205" s="242"/>
      <c r="AM205" s="242"/>
      <c r="AN205" s="242"/>
      <c r="AO205" s="242"/>
      <c r="AP205" s="242"/>
      <c r="AQ205" s="242"/>
      <c r="AR205" s="242"/>
      <c r="AS205" s="242"/>
    </row>
    <row r="206" spans="1:45" ht="18.75">
      <c r="A206" s="424" t="s">
        <v>423</v>
      </c>
      <c r="B206" s="424"/>
      <c r="C206" s="424"/>
      <c r="D206" s="424"/>
      <c r="P206" s="242"/>
      <c r="Q206" s="242"/>
      <c r="R206" s="242"/>
      <c r="S206" s="242"/>
      <c r="T206" s="242"/>
      <c r="U206" s="242"/>
      <c r="V206" s="242"/>
      <c r="W206" s="242"/>
      <c r="X206" s="242"/>
      <c r="Y206" s="242"/>
      <c r="Z206" s="242"/>
      <c r="AA206" s="242"/>
      <c r="AB206" s="242"/>
      <c r="AC206" s="242"/>
      <c r="AD206" s="242"/>
      <c r="AE206" s="242"/>
      <c r="AF206" s="242"/>
      <c r="AG206" s="242"/>
      <c r="AH206" s="242"/>
      <c r="AI206" s="242"/>
      <c r="AJ206" s="242"/>
      <c r="AK206" s="242"/>
      <c r="AL206" s="242"/>
      <c r="AM206" s="242"/>
      <c r="AN206" s="242"/>
      <c r="AO206" s="242"/>
      <c r="AP206" s="242"/>
      <c r="AQ206" s="242"/>
      <c r="AR206" s="242"/>
      <c r="AS206" s="242"/>
    </row>
    <row r="207" spans="1:45" ht="114.75" customHeight="1">
      <c r="A207" s="417" t="s">
        <v>424</v>
      </c>
      <c r="B207" s="417"/>
      <c r="C207" s="417"/>
      <c r="D207" s="417"/>
      <c r="P207" s="242"/>
      <c r="Q207" s="242"/>
      <c r="R207" s="242"/>
      <c r="S207" s="242"/>
      <c r="T207" s="242"/>
      <c r="U207" s="242"/>
      <c r="V207" s="242"/>
      <c r="W207" s="242"/>
      <c r="X207" s="242"/>
      <c r="Y207" s="242"/>
      <c r="Z207" s="242"/>
      <c r="AA207" s="242"/>
      <c r="AB207" s="242"/>
      <c r="AC207" s="242"/>
      <c r="AD207" s="242"/>
      <c r="AE207" s="242"/>
      <c r="AF207" s="242"/>
      <c r="AG207" s="242"/>
      <c r="AH207" s="242"/>
      <c r="AI207" s="242"/>
      <c r="AJ207" s="242"/>
      <c r="AK207" s="242"/>
      <c r="AL207" s="242"/>
      <c r="AM207" s="242"/>
      <c r="AN207" s="242"/>
      <c r="AO207" s="242"/>
      <c r="AP207" s="242"/>
      <c r="AQ207" s="242"/>
      <c r="AR207" s="242"/>
      <c r="AS207" s="242"/>
    </row>
    <row r="208" spans="1:45" ht="51.75" customHeight="1">
      <c r="A208" s="400" t="s">
        <v>425</v>
      </c>
      <c r="B208" s="400"/>
      <c r="C208" s="400"/>
      <c r="D208" s="400"/>
      <c r="P208" s="242"/>
      <c r="Q208" s="242"/>
      <c r="R208" s="242"/>
      <c r="S208" s="242"/>
      <c r="T208" s="242"/>
      <c r="U208" s="242"/>
      <c r="V208" s="242"/>
      <c r="W208" s="242"/>
      <c r="X208" s="242"/>
      <c r="Y208" s="242"/>
      <c r="Z208" s="242"/>
      <c r="AA208" s="242"/>
      <c r="AB208" s="242"/>
      <c r="AC208" s="242"/>
      <c r="AD208" s="242"/>
      <c r="AE208" s="242"/>
      <c r="AF208" s="242"/>
      <c r="AG208" s="242"/>
      <c r="AH208" s="242"/>
      <c r="AI208" s="242"/>
      <c r="AJ208" s="242"/>
      <c r="AK208" s="242"/>
      <c r="AL208" s="242"/>
      <c r="AM208" s="242"/>
      <c r="AN208" s="242"/>
      <c r="AO208" s="242"/>
      <c r="AP208" s="242"/>
      <c r="AQ208" s="242"/>
      <c r="AR208" s="242"/>
      <c r="AS208" s="242"/>
    </row>
    <row r="209" spans="1:45" ht="72">
      <c r="A209" s="32" t="s">
        <v>71</v>
      </c>
      <c r="B209" s="33" t="s">
        <v>72</v>
      </c>
      <c r="C209" s="34" t="s">
        <v>593</v>
      </c>
      <c r="D209" s="35" t="s">
        <v>73</v>
      </c>
      <c r="P209" s="242"/>
      <c r="Q209" s="242"/>
      <c r="R209" s="242"/>
      <c r="S209" s="242"/>
      <c r="T209" s="242"/>
      <c r="U209" s="242"/>
      <c r="V209" s="242"/>
      <c r="W209" s="242"/>
      <c r="X209" s="242"/>
      <c r="Y209" s="242"/>
      <c r="Z209" s="242"/>
      <c r="AA209" s="242"/>
      <c r="AB209" s="242"/>
      <c r="AC209" s="242"/>
      <c r="AD209" s="242"/>
      <c r="AE209" s="242"/>
      <c r="AF209" s="242"/>
      <c r="AG209" s="242"/>
      <c r="AH209" s="242"/>
      <c r="AI209" s="242"/>
      <c r="AJ209" s="242"/>
      <c r="AK209" s="242"/>
      <c r="AL209" s="242"/>
      <c r="AM209" s="242"/>
      <c r="AN209" s="242"/>
      <c r="AO209" s="242"/>
      <c r="AP209" s="242"/>
      <c r="AQ209" s="242"/>
      <c r="AR209" s="242"/>
      <c r="AS209" s="242"/>
    </row>
    <row r="210" spans="1:45" ht="72">
      <c r="A210" s="36"/>
      <c r="B210" s="37" t="s">
        <v>74</v>
      </c>
      <c r="C210" s="123" t="s">
        <v>304</v>
      </c>
      <c r="D210" s="39" t="s">
        <v>76</v>
      </c>
      <c r="P210" s="242"/>
      <c r="Q210" s="242"/>
      <c r="R210" s="242"/>
      <c r="S210" s="242"/>
      <c r="T210" s="242"/>
      <c r="U210" s="242"/>
      <c r="V210" s="242"/>
      <c r="W210" s="242"/>
      <c r="X210" s="242"/>
      <c r="Y210" s="242"/>
      <c r="Z210" s="242"/>
      <c r="AA210" s="242"/>
      <c r="AB210" s="242"/>
      <c r="AC210" s="242"/>
      <c r="AD210" s="242"/>
      <c r="AE210" s="242"/>
      <c r="AF210" s="242"/>
      <c r="AG210" s="242"/>
      <c r="AH210" s="242"/>
      <c r="AI210" s="242"/>
      <c r="AJ210" s="242"/>
      <c r="AK210" s="242"/>
      <c r="AL210" s="242"/>
      <c r="AM210" s="242"/>
      <c r="AN210" s="242"/>
      <c r="AO210" s="242"/>
      <c r="AP210" s="242"/>
      <c r="AQ210" s="242"/>
      <c r="AR210" s="242"/>
      <c r="AS210" s="242"/>
    </row>
    <row r="211" spans="1:45">
      <c r="A211" s="40" t="s">
        <v>350</v>
      </c>
      <c r="B211" s="195">
        <v>12593</v>
      </c>
      <c r="C211" s="79">
        <v>5.1060011985267124</v>
      </c>
      <c r="D211" s="80">
        <v>2.7925078840023133E-2</v>
      </c>
      <c r="P211" s="242"/>
      <c r="Q211" s="242"/>
      <c r="R211" s="242"/>
      <c r="S211" s="242"/>
      <c r="T211" s="242"/>
      <c r="U211" s="242"/>
      <c r="V211" s="242"/>
      <c r="W211" s="242"/>
      <c r="X211" s="242"/>
      <c r="Y211" s="242"/>
      <c r="Z211" s="242"/>
      <c r="AA211" s="242"/>
      <c r="AB211" s="242"/>
      <c r="AC211" s="242"/>
      <c r="AD211" s="242"/>
      <c r="AE211" s="242"/>
      <c r="AF211" s="242"/>
      <c r="AG211" s="242"/>
      <c r="AH211" s="242"/>
      <c r="AI211" s="242"/>
      <c r="AJ211" s="242"/>
      <c r="AK211" s="242"/>
      <c r="AL211" s="242"/>
      <c r="AM211" s="242"/>
      <c r="AN211" s="242"/>
      <c r="AO211" s="242"/>
      <c r="AP211" s="242"/>
      <c r="AQ211" s="242"/>
      <c r="AR211" s="242"/>
      <c r="AS211" s="242"/>
    </row>
    <row r="212" spans="1:45">
      <c r="A212" s="44" t="s">
        <v>351</v>
      </c>
      <c r="B212" s="44">
        <v>9432</v>
      </c>
      <c r="C212" s="175">
        <v>4.9040010505054754</v>
      </c>
      <c r="D212" s="127">
        <v>3.3560466122883263E-2</v>
      </c>
      <c r="P212" s="242"/>
      <c r="Q212" s="242"/>
      <c r="R212" s="242"/>
      <c r="S212" s="242"/>
      <c r="T212" s="242"/>
      <c r="U212" s="242"/>
      <c r="V212" s="242"/>
      <c r="W212" s="242"/>
      <c r="X212" s="242"/>
      <c r="Y212" s="242"/>
      <c r="Z212" s="242"/>
      <c r="AA212" s="242"/>
      <c r="AB212" s="242"/>
      <c r="AC212" s="242"/>
      <c r="AD212" s="242"/>
      <c r="AE212" s="242"/>
      <c r="AF212" s="242"/>
      <c r="AG212" s="242"/>
      <c r="AH212" s="242"/>
      <c r="AI212" s="242"/>
      <c r="AJ212" s="242"/>
      <c r="AK212" s="242"/>
      <c r="AL212" s="242"/>
      <c r="AM212" s="242"/>
      <c r="AN212" s="242"/>
      <c r="AO212" s="242"/>
      <c r="AP212" s="242"/>
      <c r="AQ212" s="242"/>
      <c r="AR212" s="242"/>
      <c r="AS212" s="242"/>
    </row>
    <row r="213" spans="1:45">
      <c r="A213" s="40" t="s">
        <v>352</v>
      </c>
      <c r="B213" s="48">
        <v>3161</v>
      </c>
      <c r="C213" s="79">
        <v>5.2769408652534873</v>
      </c>
      <c r="D213" s="80">
        <v>4.6376554682555408E-2</v>
      </c>
      <c r="P213" s="242"/>
      <c r="Q213" s="242"/>
      <c r="R213" s="242"/>
      <c r="S213" s="242"/>
      <c r="T213" s="242"/>
      <c r="U213" s="242"/>
      <c r="V213" s="242"/>
      <c r="W213" s="242"/>
      <c r="X213" s="242"/>
      <c r="Y213" s="242"/>
      <c r="Z213" s="242"/>
      <c r="AA213" s="242"/>
      <c r="AB213" s="242"/>
      <c r="AC213" s="242"/>
      <c r="AD213" s="242"/>
      <c r="AE213" s="242"/>
      <c r="AF213" s="242"/>
      <c r="AG213" s="242"/>
      <c r="AH213" s="242"/>
      <c r="AI213" s="242"/>
      <c r="AJ213" s="242"/>
      <c r="AK213" s="242"/>
      <c r="AL213" s="242"/>
      <c r="AM213" s="242"/>
      <c r="AN213" s="242"/>
      <c r="AO213" s="242"/>
      <c r="AP213" s="242"/>
      <c r="AQ213" s="242"/>
      <c r="AR213" s="242"/>
      <c r="AS213" s="242"/>
    </row>
    <row r="214" spans="1:45">
      <c r="A214" s="44" t="s">
        <v>534</v>
      </c>
      <c r="B214" s="44">
        <v>2937</v>
      </c>
      <c r="C214" s="175">
        <v>5.2805501792561778</v>
      </c>
      <c r="D214" s="127">
        <v>5.6365124611320087E-2</v>
      </c>
      <c r="P214" s="242"/>
      <c r="Q214" s="242"/>
      <c r="R214" s="242"/>
      <c r="S214" s="242"/>
      <c r="T214" s="242"/>
      <c r="U214" s="242"/>
      <c r="V214" s="242"/>
      <c r="W214" s="242"/>
      <c r="X214" s="242"/>
      <c r="Y214" s="242"/>
      <c r="Z214" s="242"/>
      <c r="AA214" s="242"/>
      <c r="AB214" s="242"/>
      <c r="AC214" s="242"/>
      <c r="AD214" s="242"/>
      <c r="AE214" s="242"/>
      <c r="AF214" s="242"/>
      <c r="AG214" s="242"/>
      <c r="AH214" s="242"/>
      <c r="AI214" s="242"/>
      <c r="AJ214" s="242"/>
      <c r="AK214" s="242"/>
      <c r="AL214" s="242"/>
      <c r="AM214" s="242"/>
      <c r="AN214" s="242"/>
      <c r="AO214" s="242"/>
      <c r="AP214" s="242"/>
      <c r="AQ214" s="242"/>
      <c r="AR214" s="242"/>
      <c r="AS214" s="242"/>
    </row>
    <row r="215" spans="1:45">
      <c r="A215" s="40" t="s">
        <v>535</v>
      </c>
      <c r="B215" s="48">
        <v>2337</v>
      </c>
      <c r="C215" s="79">
        <v>4.925828665028928</v>
      </c>
      <c r="D215" s="80">
        <v>6.5222275926503676E-2</v>
      </c>
      <c r="P215" s="242"/>
      <c r="Q215" s="242"/>
      <c r="R215" s="242"/>
      <c r="S215" s="242"/>
      <c r="T215" s="242"/>
      <c r="U215" s="242"/>
      <c r="V215" s="242"/>
      <c r="W215" s="242"/>
      <c r="X215" s="242"/>
      <c r="Y215" s="242"/>
      <c r="Z215" s="242"/>
      <c r="AA215" s="242"/>
      <c r="AB215" s="242"/>
      <c r="AC215" s="242"/>
      <c r="AD215" s="242"/>
      <c r="AE215" s="242"/>
      <c r="AF215" s="242"/>
      <c r="AG215" s="242"/>
      <c r="AH215" s="242"/>
      <c r="AI215" s="242"/>
      <c r="AJ215" s="242"/>
      <c r="AK215" s="242"/>
      <c r="AL215" s="242"/>
      <c r="AM215" s="242"/>
      <c r="AN215" s="242"/>
      <c r="AO215" s="242"/>
      <c r="AP215" s="242"/>
      <c r="AQ215" s="242"/>
      <c r="AR215" s="242"/>
      <c r="AS215" s="242"/>
    </row>
    <row r="216" spans="1:45">
      <c r="A216" s="44" t="s">
        <v>536</v>
      </c>
      <c r="B216" s="44">
        <v>337</v>
      </c>
      <c r="C216" s="175">
        <v>4.8681328800652093</v>
      </c>
      <c r="D216" s="127">
        <v>0.16405662888628128</v>
      </c>
      <c r="P216" s="242"/>
      <c r="Q216" s="242"/>
      <c r="R216" s="242"/>
      <c r="S216" s="242"/>
      <c r="T216" s="242"/>
      <c r="U216" s="242"/>
      <c r="V216" s="242"/>
      <c r="W216" s="242"/>
      <c r="X216" s="242"/>
      <c r="Y216" s="242"/>
      <c r="Z216" s="242"/>
      <c r="AA216" s="242"/>
      <c r="AB216" s="242"/>
      <c r="AC216" s="242"/>
      <c r="AD216" s="242"/>
      <c r="AE216" s="242"/>
      <c r="AF216" s="242"/>
      <c r="AG216" s="242"/>
      <c r="AH216" s="242"/>
      <c r="AI216" s="242"/>
      <c r="AJ216" s="242"/>
      <c r="AK216" s="242"/>
      <c r="AL216" s="242"/>
      <c r="AM216" s="242"/>
      <c r="AN216" s="242"/>
      <c r="AO216" s="242"/>
      <c r="AP216" s="242"/>
      <c r="AQ216" s="242"/>
      <c r="AR216" s="242"/>
      <c r="AS216" s="242"/>
    </row>
    <row r="217" spans="1:45">
      <c r="A217" s="40" t="s">
        <v>537</v>
      </c>
      <c r="B217" s="48">
        <v>82</v>
      </c>
      <c r="C217" s="79">
        <v>5.0661991355604066</v>
      </c>
      <c r="D217" s="80">
        <v>0.30449488720051587</v>
      </c>
      <c r="P217" s="242"/>
      <c r="Q217" s="242"/>
      <c r="R217" s="242"/>
      <c r="S217" s="242"/>
      <c r="T217" s="242"/>
      <c r="U217" s="242"/>
      <c r="V217" s="242"/>
      <c r="W217" s="242"/>
      <c r="X217" s="242"/>
      <c r="Y217" s="242"/>
      <c r="Z217" s="242"/>
      <c r="AA217" s="242"/>
      <c r="AB217" s="242"/>
      <c r="AC217" s="242"/>
      <c r="AD217" s="242"/>
      <c r="AE217" s="242"/>
      <c r="AF217" s="242"/>
      <c r="AG217" s="242"/>
      <c r="AH217" s="242"/>
      <c r="AI217" s="242"/>
      <c r="AJ217" s="242"/>
      <c r="AK217" s="242"/>
      <c r="AL217" s="242"/>
      <c r="AM217" s="242"/>
      <c r="AN217" s="242"/>
      <c r="AO217" s="242"/>
      <c r="AP217" s="242"/>
      <c r="AQ217" s="242"/>
      <c r="AR217" s="242"/>
      <c r="AS217" s="242"/>
    </row>
    <row r="218" spans="1:45">
      <c r="A218" s="44" t="s">
        <v>538</v>
      </c>
      <c r="B218" s="44">
        <v>56</v>
      </c>
      <c r="C218" s="175">
        <v>4.2979965775440476</v>
      </c>
      <c r="D218" s="127">
        <v>0.49501411825596153</v>
      </c>
      <c r="P218" s="242"/>
      <c r="Q218" s="242"/>
      <c r="R218" s="242"/>
      <c r="S218" s="242"/>
      <c r="T218" s="242"/>
      <c r="U218" s="242"/>
      <c r="V218" s="242"/>
      <c r="W218" s="242"/>
      <c r="X218" s="242"/>
      <c r="Y218" s="242"/>
      <c r="Z218" s="242"/>
      <c r="AA218" s="242"/>
      <c r="AB218" s="242"/>
      <c r="AC218" s="242"/>
      <c r="AD218" s="242"/>
      <c r="AE218" s="242"/>
      <c r="AF218" s="242"/>
      <c r="AG218" s="242"/>
      <c r="AH218" s="242"/>
      <c r="AI218" s="242"/>
      <c r="AJ218" s="242"/>
      <c r="AK218" s="242"/>
      <c r="AL218" s="242"/>
      <c r="AM218" s="242"/>
      <c r="AN218" s="242"/>
      <c r="AO218" s="242"/>
      <c r="AP218" s="242"/>
      <c r="AQ218" s="242"/>
      <c r="AR218" s="242"/>
      <c r="AS218" s="242"/>
    </row>
    <row r="219" spans="1:45">
      <c r="A219" s="40" t="s">
        <v>539</v>
      </c>
      <c r="B219" s="48">
        <v>57</v>
      </c>
      <c r="C219" s="79">
        <v>5.1941870778421819</v>
      </c>
      <c r="D219" s="80">
        <v>0.35576538033928096</v>
      </c>
      <c r="P219" s="242"/>
      <c r="Q219" s="242"/>
      <c r="R219" s="242"/>
      <c r="S219" s="242"/>
      <c r="T219" s="242"/>
      <c r="U219" s="242"/>
      <c r="V219" s="242"/>
      <c r="W219" s="242"/>
      <c r="X219" s="242"/>
      <c r="Y219" s="242"/>
      <c r="Z219" s="242"/>
      <c r="AA219" s="242"/>
      <c r="AB219" s="242"/>
      <c r="AC219" s="242"/>
      <c r="AD219" s="242"/>
      <c r="AE219" s="242"/>
      <c r="AF219" s="242"/>
      <c r="AG219" s="242"/>
      <c r="AH219" s="242"/>
      <c r="AI219" s="242"/>
      <c r="AJ219" s="242"/>
      <c r="AK219" s="242"/>
      <c r="AL219" s="242"/>
      <c r="AM219" s="242"/>
      <c r="AN219" s="242"/>
      <c r="AO219" s="242"/>
      <c r="AP219" s="242"/>
      <c r="AQ219" s="242"/>
      <c r="AR219" s="242"/>
      <c r="AS219" s="242"/>
    </row>
    <row r="220" spans="1:45">
      <c r="A220" s="44" t="s">
        <v>540</v>
      </c>
      <c r="B220" s="44">
        <v>67</v>
      </c>
      <c r="C220" s="175">
        <v>4.7016523304394759</v>
      </c>
      <c r="D220" s="127">
        <v>0.34863563500759825</v>
      </c>
      <c r="P220" s="242"/>
      <c r="Q220" s="242"/>
      <c r="R220" s="242"/>
      <c r="S220" s="242"/>
      <c r="T220" s="242"/>
      <c r="U220" s="242"/>
      <c r="V220" s="242"/>
      <c r="W220" s="242"/>
      <c r="X220" s="242"/>
      <c r="Y220" s="242"/>
      <c r="Z220" s="242"/>
      <c r="AA220" s="242"/>
      <c r="AB220" s="242"/>
      <c r="AC220" s="242"/>
      <c r="AD220" s="242"/>
      <c r="AE220" s="242"/>
      <c r="AF220" s="242"/>
      <c r="AG220" s="242"/>
      <c r="AH220" s="242"/>
      <c r="AI220" s="242"/>
      <c r="AJ220" s="242"/>
      <c r="AK220" s="242"/>
      <c r="AL220" s="242"/>
      <c r="AM220" s="242"/>
      <c r="AN220" s="242"/>
      <c r="AO220" s="242"/>
      <c r="AP220" s="242"/>
      <c r="AQ220" s="242"/>
      <c r="AR220" s="242"/>
      <c r="AS220" s="242"/>
    </row>
    <row r="221" spans="1:45">
      <c r="A221" s="40" t="s">
        <v>541</v>
      </c>
      <c r="B221" s="195">
        <v>75</v>
      </c>
      <c r="C221" s="79">
        <v>4.8837119733478751</v>
      </c>
      <c r="D221" s="80">
        <v>0.33356507115808254</v>
      </c>
      <c r="P221" s="242"/>
      <c r="Q221" s="242"/>
      <c r="R221" s="242"/>
      <c r="S221" s="242"/>
      <c r="T221" s="242"/>
      <c r="U221" s="242"/>
      <c r="V221" s="242"/>
      <c r="W221" s="242"/>
      <c r="X221" s="242"/>
      <c r="Y221" s="242"/>
      <c r="Z221" s="242"/>
      <c r="AA221" s="242"/>
      <c r="AB221" s="242"/>
      <c r="AC221" s="242"/>
      <c r="AD221" s="242"/>
      <c r="AE221" s="242"/>
      <c r="AF221" s="242"/>
      <c r="AG221" s="242"/>
      <c r="AH221" s="242"/>
      <c r="AI221" s="242"/>
      <c r="AJ221" s="242"/>
      <c r="AK221" s="242"/>
      <c r="AL221" s="242"/>
      <c r="AM221" s="242"/>
      <c r="AN221" s="242"/>
      <c r="AO221" s="242"/>
      <c r="AP221" s="242"/>
      <c r="AQ221" s="242"/>
      <c r="AR221" s="242"/>
      <c r="AS221" s="242"/>
    </row>
    <row r="222" spans="1:45">
      <c r="A222" s="44" t="s">
        <v>542</v>
      </c>
      <c r="B222" s="196">
        <v>566</v>
      </c>
      <c r="C222" s="175">
        <v>5.0068416909626903</v>
      </c>
      <c r="D222" s="127">
        <v>0.12940281814837398</v>
      </c>
      <c r="P222" s="242"/>
      <c r="Q222" s="242"/>
      <c r="R222" s="242"/>
      <c r="S222" s="242"/>
      <c r="T222" s="242"/>
      <c r="U222" s="242"/>
      <c r="V222" s="242"/>
      <c r="W222" s="242"/>
      <c r="X222" s="242"/>
      <c r="Y222" s="242"/>
      <c r="Z222" s="242"/>
      <c r="AA222" s="242"/>
      <c r="AB222" s="242"/>
      <c r="AC222" s="242"/>
      <c r="AD222" s="242"/>
      <c r="AE222" s="242"/>
      <c r="AF222" s="242"/>
      <c r="AG222" s="242"/>
      <c r="AH222" s="242"/>
      <c r="AI222" s="242"/>
      <c r="AJ222" s="242"/>
      <c r="AK222" s="242"/>
      <c r="AL222" s="242"/>
      <c r="AM222" s="242"/>
      <c r="AN222" s="242"/>
      <c r="AO222" s="242"/>
      <c r="AP222" s="242"/>
      <c r="AQ222" s="242"/>
      <c r="AR222" s="242"/>
      <c r="AS222" s="242"/>
    </row>
    <row r="223" spans="1:45">
      <c r="A223" s="40" t="s">
        <v>543</v>
      </c>
      <c r="B223" s="49">
        <v>57</v>
      </c>
      <c r="C223" s="79">
        <v>4.7686682981149664</v>
      </c>
      <c r="D223" s="80">
        <v>0.43883021842537512</v>
      </c>
      <c r="P223" s="242"/>
      <c r="Q223" s="242"/>
      <c r="R223" s="242"/>
      <c r="S223" s="242"/>
      <c r="T223" s="242"/>
      <c r="U223" s="242"/>
      <c r="V223" s="242"/>
      <c r="W223" s="242"/>
      <c r="X223" s="242"/>
      <c r="Y223" s="242"/>
      <c r="Z223" s="242"/>
      <c r="AA223" s="242"/>
      <c r="AB223" s="242"/>
      <c r="AC223" s="242"/>
      <c r="AD223" s="242"/>
      <c r="AE223" s="242"/>
      <c r="AF223" s="242"/>
      <c r="AG223" s="242"/>
      <c r="AH223" s="242"/>
      <c r="AI223" s="242"/>
      <c r="AJ223" s="242"/>
      <c r="AK223" s="242"/>
      <c r="AL223" s="242"/>
      <c r="AM223" s="242"/>
      <c r="AN223" s="242"/>
      <c r="AO223" s="242"/>
      <c r="AP223" s="242"/>
      <c r="AQ223" s="242"/>
      <c r="AR223" s="242"/>
      <c r="AS223" s="242"/>
    </row>
    <row r="224" spans="1:45">
      <c r="A224" s="44" t="s">
        <v>550</v>
      </c>
      <c r="B224" s="196">
        <v>93</v>
      </c>
      <c r="C224" s="175">
        <v>4.8306304276367351</v>
      </c>
      <c r="D224" s="127">
        <v>0.31952785644423914</v>
      </c>
      <c r="P224" s="242"/>
      <c r="Q224" s="242"/>
      <c r="R224" s="242"/>
      <c r="S224" s="242"/>
      <c r="T224" s="242"/>
      <c r="U224" s="242"/>
      <c r="V224" s="242"/>
      <c r="W224" s="242"/>
      <c r="X224" s="242"/>
      <c r="Y224" s="242"/>
      <c r="Z224" s="242"/>
      <c r="AA224" s="242"/>
      <c r="AB224" s="242"/>
      <c r="AC224" s="242"/>
      <c r="AD224" s="242"/>
      <c r="AE224" s="242"/>
      <c r="AF224" s="242"/>
      <c r="AG224" s="242"/>
      <c r="AH224" s="242"/>
      <c r="AI224" s="242"/>
      <c r="AJ224" s="242"/>
      <c r="AK224" s="242"/>
      <c r="AL224" s="242"/>
      <c r="AM224" s="242"/>
      <c r="AN224" s="242"/>
      <c r="AO224" s="242"/>
      <c r="AP224" s="242"/>
      <c r="AQ224" s="242"/>
      <c r="AR224" s="242"/>
      <c r="AS224" s="242"/>
    </row>
    <row r="225" spans="1:45">
      <c r="A225" s="52" t="s">
        <v>544</v>
      </c>
      <c r="B225" s="195">
        <v>116</v>
      </c>
      <c r="C225" s="79">
        <v>5.4299257093319344</v>
      </c>
      <c r="D225" s="80">
        <v>0.26504484349585827</v>
      </c>
      <c r="P225" s="242"/>
      <c r="Q225" s="242"/>
      <c r="R225" s="242"/>
      <c r="S225" s="242"/>
      <c r="T225" s="242"/>
      <c r="U225" s="242"/>
      <c r="V225" s="242"/>
      <c r="W225" s="242"/>
      <c r="X225" s="242"/>
      <c r="Y225" s="242"/>
      <c r="Z225" s="242"/>
      <c r="AA225" s="242"/>
      <c r="AB225" s="242"/>
      <c r="AC225" s="242"/>
      <c r="AD225" s="242"/>
      <c r="AE225" s="242"/>
      <c r="AF225" s="242"/>
      <c r="AG225" s="242"/>
      <c r="AH225" s="242"/>
      <c r="AI225" s="242"/>
      <c r="AJ225" s="242"/>
      <c r="AK225" s="242"/>
      <c r="AL225" s="242"/>
      <c r="AM225" s="242"/>
      <c r="AN225" s="242"/>
      <c r="AO225" s="242"/>
      <c r="AP225" s="242"/>
      <c r="AQ225" s="242"/>
      <c r="AR225" s="242"/>
      <c r="AS225" s="242"/>
    </row>
    <row r="226" spans="1:45">
      <c r="A226" s="44" t="s">
        <v>545</v>
      </c>
      <c r="B226" s="196">
        <v>144</v>
      </c>
      <c r="C226" s="175">
        <v>5.4680695832720696</v>
      </c>
      <c r="D226" s="127">
        <v>0.22499829221056097</v>
      </c>
      <c r="P226" s="242"/>
      <c r="Q226" s="242"/>
      <c r="R226" s="242"/>
      <c r="S226" s="242"/>
      <c r="T226" s="242"/>
      <c r="U226" s="242"/>
      <c r="V226" s="242"/>
      <c r="W226" s="242"/>
      <c r="X226" s="242"/>
      <c r="Y226" s="242"/>
      <c r="Z226" s="242"/>
      <c r="AA226" s="242"/>
      <c r="AB226" s="242"/>
      <c r="AC226" s="242"/>
      <c r="AD226" s="242"/>
      <c r="AE226" s="242"/>
      <c r="AF226" s="242"/>
      <c r="AG226" s="242"/>
      <c r="AH226" s="242"/>
      <c r="AI226" s="242"/>
      <c r="AJ226" s="242"/>
      <c r="AK226" s="242"/>
      <c r="AL226" s="242"/>
      <c r="AM226" s="242"/>
      <c r="AN226" s="242"/>
      <c r="AO226" s="242"/>
      <c r="AP226" s="242"/>
      <c r="AQ226" s="242"/>
      <c r="AR226" s="242"/>
      <c r="AS226" s="242"/>
    </row>
    <row r="227" spans="1:45">
      <c r="A227" s="52" t="s">
        <v>546</v>
      </c>
      <c r="B227" s="195">
        <v>70</v>
      </c>
      <c r="C227" s="79">
        <v>3.9221818021823327</v>
      </c>
      <c r="D227" s="80">
        <v>0.44755593934231236</v>
      </c>
      <c r="P227" s="242"/>
      <c r="Q227" s="242"/>
      <c r="R227" s="242"/>
      <c r="S227" s="242"/>
      <c r="T227" s="242"/>
      <c r="U227" s="242"/>
      <c r="V227" s="242"/>
      <c r="W227" s="242"/>
      <c r="X227" s="242"/>
      <c r="Y227" s="242"/>
      <c r="Z227" s="242"/>
      <c r="AA227" s="242"/>
      <c r="AB227" s="242"/>
      <c r="AC227" s="242"/>
      <c r="AD227" s="242"/>
      <c r="AE227" s="242"/>
      <c r="AF227" s="242"/>
      <c r="AG227" s="242"/>
      <c r="AH227" s="242"/>
      <c r="AI227" s="242"/>
      <c r="AJ227" s="242"/>
      <c r="AK227" s="242"/>
      <c r="AL227" s="242"/>
      <c r="AM227" s="242"/>
      <c r="AN227" s="242"/>
      <c r="AO227" s="242"/>
      <c r="AP227" s="242"/>
      <c r="AQ227" s="242"/>
      <c r="AR227" s="242"/>
      <c r="AS227" s="242"/>
    </row>
    <row r="228" spans="1:45">
      <c r="A228" s="44" t="s">
        <v>547</v>
      </c>
      <c r="B228" s="196">
        <v>86</v>
      </c>
      <c r="C228" s="175">
        <v>4.8942860876107961</v>
      </c>
      <c r="D228" s="127">
        <v>0.29479291584586642</v>
      </c>
      <c r="P228" s="242"/>
      <c r="Q228" s="242"/>
      <c r="R228" s="242"/>
      <c r="S228" s="242"/>
      <c r="T228" s="242"/>
      <c r="U228" s="242"/>
      <c r="V228" s="242"/>
      <c r="W228" s="242"/>
      <c r="X228" s="242"/>
      <c r="Y228" s="242"/>
      <c r="Z228" s="242"/>
      <c r="AA228" s="242"/>
      <c r="AB228" s="242"/>
      <c r="AC228" s="242"/>
      <c r="AD228" s="242"/>
      <c r="AE228" s="242"/>
      <c r="AF228" s="242"/>
      <c r="AG228" s="242"/>
      <c r="AH228" s="242"/>
      <c r="AI228" s="242"/>
      <c r="AJ228" s="242"/>
      <c r="AK228" s="242"/>
      <c r="AL228" s="242"/>
      <c r="AM228" s="242"/>
      <c r="AN228" s="242"/>
      <c r="AO228" s="242"/>
      <c r="AP228" s="242"/>
      <c r="AQ228" s="242"/>
      <c r="AR228" s="242"/>
      <c r="AS228" s="242"/>
    </row>
    <row r="229" spans="1:45">
      <c r="A229" s="52" t="s">
        <v>551</v>
      </c>
      <c r="B229" s="195">
        <v>667</v>
      </c>
      <c r="C229" s="79">
        <v>5.3871004468628856</v>
      </c>
      <c r="D229" s="80">
        <v>9.9683987989833828E-2</v>
      </c>
      <c r="P229" s="242"/>
      <c r="Q229" s="242"/>
      <c r="R229" s="242"/>
      <c r="S229" s="242"/>
      <c r="T229" s="242"/>
      <c r="U229" s="242"/>
      <c r="V229" s="242"/>
      <c r="W229" s="242"/>
      <c r="X229" s="242"/>
      <c r="Y229" s="242"/>
      <c r="Z229" s="242"/>
      <c r="AA229" s="242"/>
      <c r="AB229" s="242"/>
      <c r="AC229" s="242"/>
      <c r="AD229" s="242"/>
      <c r="AE229" s="242"/>
      <c r="AF229" s="242"/>
      <c r="AG229" s="242"/>
      <c r="AH229" s="242"/>
      <c r="AI229" s="242"/>
      <c r="AJ229" s="242"/>
      <c r="AK229" s="242"/>
      <c r="AL229" s="242"/>
      <c r="AM229" s="242"/>
      <c r="AN229" s="242"/>
      <c r="AO229" s="242"/>
      <c r="AP229" s="242"/>
      <c r="AQ229" s="242"/>
      <c r="AR229" s="242"/>
      <c r="AS229" s="242"/>
    </row>
    <row r="230" spans="1:45">
      <c r="A230" s="44" t="s">
        <v>552</v>
      </c>
      <c r="B230" s="196">
        <v>191</v>
      </c>
      <c r="C230" s="175">
        <v>5.4651699521473356</v>
      </c>
      <c r="D230" s="127">
        <v>0.17630845408629547</v>
      </c>
      <c r="P230" s="242"/>
      <c r="Q230" s="242"/>
      <c r="R230" s="242"/>
      <c r="S230" s="242"/>
      <c r="T230" s="242"/>
      <c r="U230" s="242"/>
      <c r="V230" s="242"/>
      <c r="W230" s="242"/>
      <c r="X230" s="242"/>
      <c r="Y230" s="242"/>
      <c r="Z230" s="242"/>
      <c r="AA230" s="242"/>
      <c r="AB230" s="242"/>
      <c r="AC230" s="242"/>
      <c r="AD230" s="242"/>
      <c r="AE230" s="242"/>
      <c r="AF230" s="242"/>
      <c r="AG230" s="242"/>
      <c r="AH230" s="242"/>
      <c r="AI230" s="242"/>
      <c r="AJ230" s="242"/>
      <c r="AK230" s="242"/>
      <c r="AL230" s="242"/>
      <c r="AM230" s="242"/>
      <c r="AN230" s="242"/>
      <c r="AO230" s="242"/>
      <c r="AP230" s="242"/>
      <c r="AQ230" s="242"/>
      <c r="AR230" s="242"/>
      <c r="AS230" s="242"/>
    </row>
    <row r="231" spans="1:45">
      <c r="A231" s="52" t="s">
        <v>553</v>
      </c>
      <c r="B231" s="195">
        <v>235</v>
      </c>
      <c r="C231" s="79">
        <v>5.2435032172324521</v>
      </c>
      <c r="D231" s="80">
        <v>0.16639453996814299</v>
      </c>
      <c r="P231" s="242"/>
      <c r="Q231" s="242"/>
      <c r="R231" s="242"/>
      <c r="S231" s="242"/>
      <c r="T231" s="242"/>
      <c r="U231" s="242"/>
      <c r="V231" s="242"/>
      <c r="W231" s="242"/>
      <c r="X231" s="242"/>
      <c r="Y231" s="242"/>
      <c r="Z231" s="242"/>
      <c r="AA231" s="242"/>
      <c r="AB231" s="242"/>
      <c r="AC231" s="242"/>
      <c r="AD231" s="242"/>
      <c r="AE231" s="242"/>
      <c r="AF231" s="242"/>
      <c r="AG231" s="242"/>
      <c r="AH231" s="242"/>
      <c r="AI231" s="242"/>
      <c r="AJ231" s="242"/>
      <c r="AK231" s="242"/>
      <c r="AL231" s="242"/>
      <c r="AM231" s="242"/>
      <c r="AN231" s="242"/>
      <c r="AO231" s="242"/>
      <c r="AP231" s="242"/>
      <c r="AQ231" s="242"/>
      <c r="AR231" s="242"/>
      <c r="AS231" s="242"/>
    </row>
    <row r="232" spans="1:45">
      <c r="A232" s="44" t="s">
        <v>554</v>
      </c>
      <c r="B232" s="196">
        <v>216</v>
      </c>
      <c r="C232" s="175">
        <v>5.4699009953323552</v>
      </c>
      <c r="D232" s="127">
        <v>0.18675820875404933</v>
      </c>
      <c r="P232" s="242"/>
      <c r="Q232" s="242"/>
      <c r="R232" s="242"/>
      <c r="S232" s="242"/>
      <c r="T232" s="242"/>
      <c r="U232" s="242"/>
      <c r="V232" s="242"/>
      <c r="W232" s="242"/>
      <c r="X232" s="242"/>
      <c r="Y232" s="242"/>
      <c r="Z232" s="242"/>
      <c r="AA232" s="242"/>
      <c r="AB232" s="242"/>
      <c r="AC232" s="242"/>
      <c r="AD232" s="242"/>
      <c r="AE232" s="242"/>
      <c r="AF232" s="242"/>
      <c r="AG232" s="242"/>
      <c r="AH232" s="242"/>
      <c r="AI232" s="242"/>
      <c r="AJ232" s="242"/>
      <c r="AK232" s="242"/>
      <c r="AL232" s="242"/>
      <c r="AM232" s="242"/>
      <c r="AN232" s="242"/>
      <c r="AO232" s="242"/>
      <c r="AP232" s="242"/>
      <c r="AQ232" s="242"/>
      <c r="AR232" s="242"/>
      <c r="AS232" s="242"/>
    </row>
    <row r="233" spans="1:45">
      <c r="P233" s="242"/>
      <c r="Q233" s="242"/>
      <c r="R233" s="242"/>
      <c r="S233" s="242"/>
      <c r="T233" s="242"/>
      <c r="U233" s="242"/>
      <c r="V233" s="242"/>
      <c r="W233" s="242"/>
      <c r="X233" s="242"/>
      <c r="Y233" s="242"/>
      <c r="Z233" s="242"/>
      <c r="AA233" s="242"/>
      <c r="AB233" s="242"/>
      <c r="AC233" s="242"/>
      <c r="AD233" s="242"/>
      <c r="AE233" s="242"/>
      <c r="AF233" s="242"/>
      <c r="AG233" s="242"/>
      <c r="AH233" s="242"/>
      <c r="AI233" s="242"/>
      <c r="AJ233" s="242"/>
      <c r="AK233" s="242"/>
      <c r="AL233" s="242"/>
      <c r="AM233" s="242"/>
      <c r="AN233" s="242"/>
      <c r="AO233" s="242"/>
      <c r="AP233" s="242"/>
      <c r="AQ233" s="242"/>
      <c r="AR233" s="242"/>
      <c r="AS233" s="242"/>
    </row>
    <row r="234" spans="1:45">
      <c r="P234" s="242"/>
      <c r="Q234" s="242"/>
      <c r="R234" s="242"/>
      <c r="S234" s="242"/>
      <c r="T234" s="242"/>
      <c r="U234" s="242"/>
      <c r="V234" s="242"/>
      <c r="W234" s="242"/>
      <c r="X234" s="242"/>
      <c r="Y234" s="242"/>
      <c r="Z234" s="242"/>
      <c r="AA234" s="242"/>
      <c r="AB234" s="242"/>
      <c r="AC234" s="242"/>
      <c r="AD234" s="242"/>
      <c r="AE234" s="242"/>
      <c r="AF234" s="242"/>
      <c r="AG234" s="242"/>
      <c r="AH234" s="242"/>
      <c r="AI234" s="242"/>
      <c r="AJ234" s="242"/>
      <c r="AK234" s="242"/>
      <c r="AL234" s="242"/>
      <c r="AM234" s="242"/>
      <c r="AN234" s="242"/>
      <c r="AO234" s="242"/>
      <c r="AP234" s="242"/>
      <c r="AQ234" s="242"/>
      <c r="AR234" s="242"/>
      <c r="AS234" s="242"/>
    </row>
    <row r="235" spans="1:45" ht="18.75">
      <c r="A235" s="424" t="s">
        <v>426</v>
      </c>
      <c r="B235" s="424"/>
      <c r="C235" s="424"/>
      <c r="D235" s="424"/>
      <c r="E235" s="424"/>
      <c r="F235" s="424"/>
      <c r="G235" s="424"/>
      <c r="H235" s="424"/>
      <c r="I235" s="424"/>
      <c r="J235" s="424"/>
      <c r="K235" s="424"/>
      <c r="L235" s="424"/>
      <c r="M235" s="424"/>
      <c r="N235" s="424"/>
      <c r="O235" s="424"/>
      <c r="P235" s="424"/>
      <c r="Q235" s="424"/>
      <c r="R235" s="424"/>
      <c r="S235" s="424"/>
      <c r="T235" s="242"/>
      <c r="U235" s="242"/>
      <c r="V235" s="242"/>
      <c r="W235" s="242"/>
      <c r="X235" s="242"/>
      <c r="Y235" s="242"/>
      <c r="Z235" s="242"/>
      <c r="AA235" s="242"/>
      <c r="AB235" s="242"/>
      <c r="AC235" s="242"/>
      <c r="AD235" s="242"/>
      <c r="AE235" s="242"/>
      <c r="AF235" s="242"/>
      <c r="AG235" s="242"/>
      <c r="AH235" s="242"/>
      <c r="AI235" s="242"/>
      <c r="AJ235" s="242"/>
      <c r="AK235" s="242"/>
      <c r="AL235" s="242"/>
      <c r="AM235" s="242"/>
      <c r="AN235" s="242"/>
      <c r="AO235" s="242"/>
      <c r="AP235" s="242"/>
      <c r="AQ235" s="242"/>
      <c r="AR235" s="242"/>
      <c r="AS235" s="242"/>
    </row>
    <row r="236" spans="1:45" ht="61.5" customHeight="1">
      <c r="A236" s="423" t="s">
        <v>598</v>
      </c>
      <c r="B236" s="423"/>
      <c r="C236" s="423"/>
      <c r="D236" s="423"/>
      <c r="E236" s="423"/>
      <c r="F236" s="423"/>
      <c r="G236" s="423"/>
      <c r="H236" s="423"/>
      <c r="I236" s="423"/>
      <c r="J236" s="423"/>
      <c r="K236" s="423"/>
      <c r="L236" s="423"/>
      <c r="M236" s="423"/>
      <c r="N236" s="423"/>
      <c r="O236" s="423"/>
      <c r="P236" s="423"/>
      <c r="Q236" s="423"/>
      <c r="R236" s="423"/>
      <c r="S236" s="423"/>
      <c r="T236" s="242"/>
      <c r="U236" s="242"/>
      <c r="V236" s="242"/>
      <c r="W236" s="242"/>
      <c r="X236" s="242"/>
      <c r="Y236" s="242"/>
      <c r="Z236" s="242"/>
      <c r="AA236" s="242"/>
      <c r="AB236" s="242"/>
      <c r="AC236" s="242"/>
      <c r="AD236" s="242"/>
      <c r="AE236" s="242"/>
      <c r="AF236" s="242"/>
      <c r="AG236" s="242"/>
      <c r="AH236" s="242"/>
      <c r="AI236" s="242"/>
      <c r="AJ236" s="242"/>
      <c r="AK236" s="242"/>
      <c r="AL236" s="242"/>
      <c r="AM236" s="242"/>
      <c r="AN236" s="242"/>
      <c r="AO236" s="242"/>
      <c r="AP236" s="242"/>
      <c r="AQ236" s="242"/>
      <c r="AR236" s="242"/>
      <c r="AS236" s="242"/>
    </row>
    <row r="237" spans="1:45" ht="39" customHeight="1">
      <c r="A237" s="59"/>
      <c r="B237" s="418" t="s">
        <v>427</v>
      </c>
      <c r="C237" s="419"/>
      <c r="D237" s="419"/>
      <c r="E237" s="419"/>
      <c r="F237" s="419"/>
      <c r="G237" s="419"/>
      <c r="H237" s="419"/>
      <c r="I237" s="419"/>
      <c r="J237" s="420"/>
      <c r="K237" s="421" t="s">
        <v>428</v>
      </c>
      <c r="L237" s="422"/>
      <c r="M237" s="422"/>
      <c r="N237" s="422"/>
      <c r="O237" s="422"/>
      <c r="P237" s="422"/>
      <c r="Q237" s="422"/>
      <c r="R237" s="422"/>
      <c r="S237" s="422"/>
      <c r="W237" s="242"/>
      <c r="X237" s="242"/>
      <c r="Y237" s="242"/>
      <c r="Z237" s="242"/>
      <c r="AA237" s="242"/>
      <c r="AB237" s="242"/>
      <c r="AC237" s="242"/>
      <c r="AD237" s="242"/>
      <c r="AE237" s="242"/>
      <c r="AF237" s="242"/>
      <c r="AG237" s="242"/>
      <c r="AH237" s="242"/>
      <c r="AI237" s="242"/>
      <c r="AJ237" s="242"/>
      <c r="AK237" s="242"/>
      <c r="AL237" s="242"/>
      <c r="AM237" s="242"/>
      <c r="AN237" s="242"/>
      <c r="AO237" s="242"/>
      <c r="AP237" s="242"/>
      <c r="AQ237" s="242"/>
      <c r="AR237" s="242"/>
      <c r="AS237" s="242"/>
    </row>
    <row r="238" spans="1:45" ht="72">
      <c r="A238" s="32" t="s">
        <v>71</v>
      </c>
      <c r="B238" s="33" t="s">
        <v>72</v>
      </c>
      <c r="C238" s="33" t="s">
        <v>429</v>
      </c>
      <c r="D238" s="84" t="s">
        <v>143</v>
      </c>
      <c r="E238" s="33" t="s">
        <v>430</v>
      </c>
      <c r="F238" s="84" t="s">
        <v>144</v>
      </c>
      <c r="G238" s="33" t="s">
        <v>431</v>
      </c>
      <c r="H238" s="84" t="s">
        <v>117</v>
      </c>
      <c r="I238" s="33" t="s">
        <v>301</v>
      </c>
      <c r="J238" s="84" t="s">
        <v>315</v>
      </c>
      <c r="K238" s="60" t="s">
        <v>72</v>
      </c>
      <c r="L238" s="60" t="s">
        <v>429</v>
      </c>
      <c r="M238" s="83" t="s">
        <v>143</v>
      </c>
      <c r="N238" s="60" t="s">
        <v>430</v>
      </c>
      <c r="O238" s="83" t="s">
        <v>144</v>
      </c>
      <c r="P238" s="60" t="s">
        <v>431</v>
      </c>
      <c r="Q238" s="83" t="s">
        <v>117</v>
      </c>
      <c r="R238" s="60" t="s">
        <v>301</v>
      </c>
      <c r="S238" s="83" t="s">
        <v>315</v>
      </c>
      <c r="W238" s="242"/>
      <c r="X238" s="242"/>
      <c r="Y238" s="242"/>
      <c r="Z238" s="242"/>
      <c r="AA238" s="242"/>
      <c r="AB238" s="242"/>
      <c r="AC238" s="242"/>
      <c r="AD238" s="242"/>
      <c r="AE238" s="242"/>
      <c r="AF238" s="242"/>
      <c r="AG238" s="242"/>
      <c r="AH238" s="242"/>
      <c r="AI238" s="242"/>
      <c r="AJ238" s="242"/>
      <c r="AK238" s="242"/>
      <c r="AL238" s="242"/>
      <c r="AM238" s="242"/>
      <c r="AN238" s="242"/>
      <c r="AO238" s="242"/>
      <c r="AP238" s="242"/>
      <c r="AQ238" s="242"/>
      <c r="AR238" s="242"/>
      <c r="AS238" s="242"/>
    </row>
    <row r="239" spans="1:45" ht="72">
      <c r="A239" s="36"/>
      <c r="B239" s="37" t="s">
        <v>74</v>
      </c>
      <c r="C239" s="37" t="s">
        <v>159</v>
      </c>
      <c r="D239" s="86" t="s">
        <v>88</v>
      </c>
      <c r="E239" s="37" t="s">
        <v>160</v>
      </c>
      <c r="F239" s="86" t="s">
        <v>88</v>
      </c>
      <c r="G239" s="37" t="s">
        <v>161</v>
      </c>
      <c r="H239" s="86" t="s">
        <v>88</v>
      </c>
      <c r="I239" s="37" t="s">
        <v>301</v>
      </c>
      <c r="J239" s="86" t="s">
        <v>88</v>
      </c>
      <c r="K239" s="63" t="s">
        <v>74</v>
      </c>
      <c r="L239" s="63" t="s">
        <v>159</v>
      </c>
      <c r="M239" s="85" t="s">
        <v>88</v>
      </c>
      <c r="N239" s="63" t="s">
        <v>160</v>
      </c>
      <c r="O239" s="85" t="s">
        <v>88</v>
      </c>
      <c r="P239" s="63" t="s">
        <v>161</v>
      </c>
      <c r="Q239" s="85" t="s">
        <v>88</v>
      </c>
      <c r="R239" s="63" t="s">
        <v>301</v>
      </c>
      <c r="S239" s="85" t="s">
        <v>88</v>
      </c>
      <c r="W239" s="242"/>
      <c r="X239" s="242"/>
      <c r="Y239" s="242"/>
      <c r="Z239" s="242"/>
      <c r="AA239" s="242"/>
      <c r="AB239" s="242"/>
      <c r="AC239" s="242"/>
      <c r="AD239" s="242"/>
      <c r="AE239" s="242"/>
      <c r="AF239" s="242"/>
      <c r="AG239" s="242"/>
      <c r="AH239" s="242"/>
      <c r="AI239" s="242"/>
      <c r="AJ239" s="242"/>
      <c r="AK239" s="242"/>
      <c r="AL239" s="242"/>
      <c r="AM239" s="242"/>
      <c r="AN239" s="242"/>
      <c r="AO239" s="242"/>
      <c r="AP239" s="242"/>
      <c r="AQ239" s="242"/>
      <c r="AR239" s="242"/>
      <c r="AS239" s="242"/>
    </row>
    <row r="240" spans="1:45">
      <c r="A240" s="40" t="s">
        <v>350</v>
      </c>
      <c r="B240" s="40">
        <v>13823</v>
      </c>
      <c r="C240" s="315">
        <v>0.1449675895687571</v>
      </c>
      <c r="D240" s="316">
        <v>5.9899123419875321E-3</v>
      </c>
      <c r="E240" s="315">
        <v>0.12516355582310087</v>
      </c>
      <c r="F240" s="316">
        <v>5.6302738899209172E-3</v>
      </c>
      <c r="G240" s="315">
        <v>0.71704334011203941</v>
      </c>
      <c r="H240" s="316">
        <v>7.6617476168737708E-3</v>
      </c>
      <c r="I240" s="315">
        <v>1.2825514496109242E-2</v>
      </c>
      <c r="J240" s="316">
        <v>1.9241658205798801E-3</v>
      </c>
      <c r="K240" s="319">
        <v>13828</v>
      </c>
      <c r="L240" s="315">
        <v>0.16609066207296061</v>
      </c>
      <c r="M240" s="316">
        <v>6.3302460996892598E-3</v>
      </c>
      <c r="N240" s="315">
        <v>0.14647282108172721</v>
      </c>
      <c r="O240" s="316">
        <v>6.0145093680234827E-3</v>
      </c>
      <c r="P240" s="315">
        <v>0.59250635510264726</v>
      </c>
      <c r="Q240" s="316">
        <v>8.3560086833474757E-3</v>
      </c>
      <c r="R240" s="315">
        <v>9.4930161742680652E-2</v>
      </c>
      <c r="S240" s="316">
        <v>4.9873556751508603E-3</v>
      </c>
    </row>
    <row r="241" spans="1:19">
      <c r="A241" s="44" t="s">
        <v>351</v>
      </c>
      <c r="B241" s="44">
        <v>10154</v>
      </c>
      <c r="C241" s="194">
        <v>0.1889512126284949</v>
      </c>
      <c r="D241" s="92">
        <v>7.7701990274397269E-3</v>
      </c>
      <c r="E241" s="194">
        <v>0.1232411290671179</v>
      </c>
      <c r="F241" s="92">
        <v>6.5263191889328234E-3</v>
      </c>
      <c r="G241" s="194">
        <v>0.67715974238595034</v>
      </c>
      <c r="H241" s="92">
        <v>9.2787579436654413E-3</v>
      </c>
      <c r="I241" s="194">
        <v>1.0647915918430936E-2</v>
      </c>
      <c r="J241" s="92">
        <v>2.0548774836072069E-3</v>
      </c>
      <c r="K241" s="44">
        <v>10155</v>
      </c>
      <c r="L241" s="194">
        <v>0.21705472707273019</v>
      </c>
      <c r="M241" s="92">
        <v>8.1815458409246512E-3</v>
      </c>
      <c r="N241" s="194">
        <v>0.15128193866659398</v>
      </c>
      <c r="O241" s="92">
        <v>7.1128170804036755E-3</v>
      </c>
      <c r="P241" s="194">
        <v>0.55479633405969486</v>
      </c>
      <c r="Q241" s="92">
        <v>9.8617218955473346E-3</v>
      </c>
      <c r="R241" s="194">
        <v>7.6867000200978072E-2</v>
      </c>
      <c r="S241" s="92">
        <v>5.2909976602783159E-3</v>
      </c>
    </row>
    <row r="242" spans="1:19">
      <c r="A242" s="40" t="s">
        <v>352</v>
      </c>
      <c r="B242" s="40">
        <v>3669</v>
      </c>
      <c r="C242" s="315">
        <v>0.1090433664636099</v>
      </c>
      <c r="D242" s="316">
        <v>1.0303620458752962E-2</v>
      </c>
      <c r="E242" s="315">
        <v>0.12673372405574568</v>
      </c>
      <c r="F242" s="316">
        <v>1.0993430980410815E-2</v>
      </c>
      <c r="G242" s="315">
        <v>0.74961881169157574</v>
      </c>
      <c r="H242" s="316">
        <v>1.4302023550752958E-2</v>
      </c>
      <c r="I242" s="315">
        <v>1.4604097789070035E-2</v>
      </c>
      <c r="J242" s="316">
        <v>4.0287165092681527E-3</v>
      </c>
      <c r="K242" s="319">
        <v>3673</v>
      </c>
      <c r="L242" s="315">
        <v>0.12445309423105477</v>
      </c>
      <c r="M242" s="316">
        <v>1.0902749760087468E-2</v>
      </c>
      <c r="N242" s="315">
        <v>0.14254377892818759</v>
      </c>
      <c r="O242" s="316">
        <v>1.1544001126064542E-2</v>
      </c>
      <c r="P242" s="315">
        <v>0.62331538808503573</v>
      </c>
      <c r="Q242" s="316">
        <v>1.5982938348325766E-2</v>
      </c>
      <c r="R242" s="315">
        <v>0.10968773875572151</v>
      </c>
      <c r="S242" s="316">
        <v>1.032449371819859E-2</v>
      </c>
    </row>
    <row r="243" spans="1:19">
      <c r="A243" s="44" t="s">
        <v>534</v>
      </c>
      <c r="B243" s="44">
        <v>3178</v>
      </c>
      <c r="C243" s="194">
        <v>0.11308295560545316</v>
      </c>
      <c r="D243" s="92">
        <v>1.1249490152288308E-2</v>
      </c>
      <c r="E243" s="194">
        <v>0.1125742819096666</v>
      </c>
      <c r="F243" s="92">
        <v>1.1227516547969879E-2</v>
      </c>
      <c r="G243" s="194">
        <v>0.76102668996012302</v>
      </c>
      <c r="H243" s="92">
        <v>1.5127210856883519E-2</v>
      </c>
      <c r="I243" s="194">
        <v>1.3316072524753269E-2</v>
      </c>
      <c r="J243" s="92">
        <v>4.1550531523745814E-3</v>
      </c>
      <c r="K243" s="44">
        <v>3175</v>
      </c>
      <c r="L243" s="194">
        <v>0.14892446647239108</v>
      </c>
      <c r="M243" s="92">
        <v>1.2643934208768227E-2</v>
      </c>
      <c r="N243" s="194">
        <v>0.11042752421850929</v>
      </c>
      <c r="O243" s="92">
        <v>1.1139255179960093E-2</v>
      </c>
      <c r="P243" s="194">
        <v>0.65170325901948956</v>
      </c>
      <c r="Q243" s="92">
        <v>1.6902064161571032E-2</v>
      </c>
      <c r="R243" s="194">
        <v>8.8944750289606397E-2</v>
      </c>
      <c r="S243" s="92">
        <v>1.0124019920512569E-2</v>
      </c>
    </row>
    <row r="244" spans="1:19">
      <c r="A244" s="40" t="s">
        <v>535</v>
      </c>
      <c r="B244" s="40">
        <v>2502</v>
      </c>
      <c r="C244" s="315">
        <v>0.18763043797866541</v>
      </c>
      <c r="D244" s="316">
        <v>1.5613881504923949E-2</v>
      </c>
      <c r="E244" s="315">
        <v>0.11253067043480408</v>
      </c>
      <c r="F244" s="316">
        <v>1.2655822695136555E-2</v>
      </c>
      <c r="G244" s="315">
        <v>0.68858021437476569</v>
      </c>
      <c r="H244" s="316">
        <v>1.8505664009326888E-2</v>
      </c>
      <c r="I244" s="315">
        <v>1.1258677211765348E-2</v>
      </c>
      <c r="J244" s="316">
        <v>4.3571333050948426E-3</v>
      </c>
      <c r="K244" s="319">
        <v>2500</v>
      </c>
      <c r="L244" s="315">
        <v>0.22855306554885768</v>
      </c>
      <c r="M244" s="316">
        <v>1.6793796592381054E-2</v>
      </c>
      <c r="N244" s="315">
        <v>0.13446619644511937</v>
      </c>
      <c r="O244" s="316">
        <v>1.3660160021650696E-2</v>
      </c>
      <c r="P244" s="315">
        <v>0.57431588727905325</v>
      </c>
      <c r="Q244" s="316">
        <v>1.9762761465161052E-2</v>
      </c>
      <c r="R244" s="315">
        <v>6.2664850726971227E-2</v>
      </c>
      <c r="S244" s="316">
        <v>9.736835952268947E-3</v>
      </c>
    </row>
    <row r="245" spans="1:19">
      <c r="A245" s="44" t="s">
        <v>536</v>
      </c>
      <c r="B245" s="44">
        <v>366</v>
      </c>
      <c r="C245" s="194">
        <v>0.15436674907467349</v>
      </c>
      <c r="D245" s="92">
        <v>3.7934034274318053E-2</v>
      </c>
      <c r="E245" s="194">
        <v>0.16732946808462032</v>
      </c>
      <c r="F245" s="92">
        <v>3.9140804841139652E-2</v>
      </c>
      <c r="G245" s="194">
        <v>0.66308283653191935</v>
      </c>
      <c r="H245" s="92">
        <v>4.9207330694819869E-2</v>
      </c>
      <c r="I245" s="194">
        <v>1.5220946308786532E-2</v>
      </c>
      <c r="J245" s="92">
        <v>1.4720133535470784E-2</v>
      </c>
      <c r="K245" s="44">
        <v>364</v>
      </c>
      <c r="L245" s="194">
        <v>0.20465354101804378</v>
      </c>
      <c r="M245" s="92">
        <v>4.2305367293476503E-2</v>
      </c>
      <c r="N245" s="194">
        <v>0.17676235533642262</v>
      </c>
      <c r="O245" s="92">
        <v>4.0078244267398422E-2</v>
      </c>
      <c r="P245" s="194">
        <v>0.55209969526748781</v>
      </c>
      <c r="Q245" s="92">
        <v>5.1850989391312087E-2</v>
      </c>
      <c r="R245" s="194">
        <v>6.6484408378045867E-2</v>
      </c>
      <c r="S245" s="92">
        <v>2.6810037840144373E-2</v>
      </c>
    </row>
    <row r="246" spans="1:19">
      <c r="A246" s="40" t="s">
        <v>537</v>
      </c>
      <c r="B246" s="40">
        <v>86</v>
      </c>
      <c r="C246" s="315">
        <v>9.9274578264443691E-2</v>
      </c>
      <c r="D246" s="316">
        <v>6.7782591718478141E-2</v>
      </c>
      <c r="E246" s="315">
        <v>0.18568624451902133</v>
      </c>
      <c r="F246" s="316">
        <v>8.4272923909535669E-2</v>
      </c>
      <c r="G246" s="315">
        <v>0.71503917721653598</v>
      </c>
      <c r="H246" s="316">
        <v>9.6096524808519573E-2</v>
      </c>
      <c r="I246" s="315">
        <v>0</v>
      </c>
      <c r="J246" s="316">
        <v>3.1075817723560044E-2</v>
      </c>
      <c r="K246" s="319">
        <v>84</v>
      </c>
      <c r="L246" s="315">
        <v>0.17606944815749281</v>
      </c>
      <c r="M246" s="316">
        <v>8.3772250783447605E-2</v>
      </c>
      <c r="N246" s="315">
        <v>0.23446769381188357</v>
      </c>
      <c r="O246" s="316">
        <v>9.1888440775820313E-2</v>
      </c>
      <c r="P246" s="315">
        <v>0.54880464054283717</v>
      </c>
      <c r="Q246" s="316">
        <v>0.10613664466936559</v>
      </c>
      <c r="R246" s="315">
        <v>4.0658217487787376E-2</v>
      </c>
      <c r="S246" s="316">
        <v>5.1234992979546604E-2</v>
      </c>
    </row>
    <row r="247" spans="1:19">
      <c r="A247" s="44" t="s">
        <v>538</v>
      </c>
      <c r="B247" s="44">
        <v>63</v>
      </c>
      <c r="C247" s="194">
        <v>0.26900716276221853</v>
      </c>
      <c r="D247" s="92">
        <v>0.11004020855036957</v>
      </c>
      <c r="E247" s="194">
        <v>0.12230317312064448</v>
      </c>
      <c r="F247" s="92">
        <v>8.599551072236325E-2</v>
      </c>
      <c r="G247" s="194">
        <v>0.58620283201004297</v>
      </c>
      <c r="H247" s="92">
        <v>0.12055341565739507</v>
      </c>
      <c r="I247" s="194">
        <v>2.248683210709343E-2</v>
      </c>
      <c r="J247" s="92">
        <v>5.3751547097095231E-2</v>
      </c>
      <c r="K247" s="44">
        <v>65</v>
      </c>
      <c r="L247" s="194">
        <v>0.28929836715276785</v>
      </c>
      <c r="M247" s="92">
        <v>0.11049372538921162</v>
      </c>
      <c r="N247" s="194">
        <v>0.13372449902229563</v>
      </c>
      <c r="O247" s="92">
        <v>8.7126735140048026E-2</v>
      </c>
      <c r="P247" s="194">
        <v>0.45338445686872086</v>
      </c>
      <c r="Q247" s="92">
        <v>0.11992065770664115</v>
      </c>
      <c r="R247" s="194">
        <v>0.12359267695621512</v>
      </c>
      <c r="S247" s="92">
        <v>8.4876154264070247E-2</v>
      </c>
    </row>
    <row r="248" spans="1:19">
      <c r="A248" s="40" t="s">
        <v>539</v>
      </c>
      <c r="B248" s="40">
        <v>63</v>
      </c>
      <c r="C248" s="315">
        <v>0.12014253178064832</v>
      </c>
      <c r="D248" s="316">
        <v>8.549168372767936E-2</v>
      </c>
      <c r="E248" s="315">
        <v>0.10251754652776951</v>
      </c>
      <c r="F248" s="316">
        <v>8.1151902740327811E-2</v>
      </c>
      <c r="G248" s="315">
        <v>0.75604550942483195</v>
      </c>
      <c r="H248" s="316">
        <v>0.10707369553901268</v>
      </c>
      <c r="I248" s="315">
        <v>2.1294412266750266E-2</v>
      </c>
      <c r="J248" s="316">
        <v>5.3188737104600023E-2</v>
      </c>
      <c r="K248" s="319">
        <v>63</v>
      </c>
      <c r="L248" s="315">
        <v>0.12763447449095977</v>
      </c>
      <c r="M248" s="316">
        <v>8.7214150000886101E-2</v>
      </c>
      <c r="N248" s="315">
        <v>0.1263612042952178</v>
      </c>
      <c r="O248" s="316">
        <v>8.6926225168380292E-2</v>
      </c>
      <c r="P248" s="315">
        <v>0.68676238723410432</v>
      </c>
      <c r="Q248" s="316">
        <v>0.11438617155890805</v>
      </c>
      <c r="R248" s="315">
        <v>5.9241933979718261E-2</v>
      </c>
      <c r="S248" s="316">
        <v>6.8343314723490797E-2</v>
      </c>
    </row>
    <row r="249" spans="1:19">
      <c r="A249" s="44" t="s">
        <v>540</v>
      </c>
      <c r="B249" s="44">
        <v>77</v>
      </c>
      <c r="C249" s="194">
        <v>0.17310745291110929</v>
      </c>
      <c r="D249" s="92">
        <v>8.7046070016442767E-2</v>
      </c>
      <c r="E249" s="194">
        <v>0.20289983534167436</v>
      </c>
      <c r="F249" s="92">
        <v>9.1687637533192021E-2</v>
      </c>
      <c r="G249" s="194">
        <v>0.60010592953606445</v>
      </c>
      <c r="H249" s="92">
        <v>0.10908012968554606</v>
      </c>
      <c r="I249" s="194">
        <v>2.3886782211151415E-2</v>
      </c>
      <c r="J249" s="92">
        <v>4.7219960146958916E-2</v>
      </c>
      <c r="K249" s="44">
        <v>75</v>
      </c>
      <c r="L249" s="194">
        <v>0.28740528564380452</v>
      </c>
      <c r="M249" s="92">
        <v>0.10293527019395089</v>
      </c>
      <c r="N249" s="194">
        <v>0.10400670533493937</v>
      </c>
      <c r="O249" s="92">
        <v>7.417627304983819E-2</v>
      </c>
      <c r="P249" s="194">
        <v>0.49974207561833722</v>
      </c>
      <c r="Q249" s="92">
        <v>0.11250877660081103</v>
      </c>
      <c r="R249" s="194">
        <v>0.10884593340291798</v>
      </c>
      <c r="S249" s="92">
        <v>7.5338920520595765E-2</v>
      </c>
    </row>
    <row r="250" spans="1:19">
      <c r="A250" s="40" t="s">
        <v>541</v>
      </c>
      <c r="B250" s="40">
        <v>77</v>
      </c>
      <c r="C250" s="315">
        <v>0.13610749364898955</v>
      </c>
      <c r="D250" s="316">
        <v>8.0227337422890635E-2</v>
      </c>
      <c r="E250" s="315">
        <v>0.22184124710324227</v>
      </c>
      <c r="F250" s="316">
        <v>9.4302044772163848E-2</v>
      </c>
      <c r="G250" s="315">
        <v>0.62982493561523556</v>
      </c>
      <c r="H250" s="316">
        <v>0.10767326596825472</v>
      </c>
      <c r="I250" s="315">
        <v>1.2226323632533665E-2</v>
      </c>
      <c r="J250" s="316">
        <v>4.1571127410077242E-2</v>
      </c>
      <c r="K250" s="319">
        <v>77</v>
      </c>
      <c r="L250" s="315">
        <v>0.17641848635737048</v>
      </c>
      <c r="M250" s="316">
        <v>8.7596408710261309E-2</v>
      </c>
      <c r="N250" s="315">
        <v>0.26184976161549928</v>
      </c>
      <c r="O250" s="316">
        <v>9.9069171218381935E-2</v>
      </c>
      <c r="P250" s="315">
        <v>0.54279029852550909</v>
      </c>
      <c r="Q250" s="316">
        <v>0.11074280415596947</v>
      </c>
      <c r="R250" s="315">
        <v>1.8941453501622171E-2</v>
      </c>
      <c r="S250" s="316">
        <v>4.4927574355302605E-2</v>
      </c>
    </row>
    <row r="251" spans="1:19">
      <c r="A251" s="44" t="s">
        <v>542</v>
      </c>
      <c r="B251" s="44">
        <v>601</v>
      </c>
      <c r="C251" s="194">
        <v>0.18169773214993731</v>
      </c>
      <c r="D251" s="92">
        <v>3.1493822830765385E-2</v>
      </c>
      <c r="E251" s="194">
        <v>0.10413051726601992</v>
      </c>
      <c r="F251" s="92">
        <v>2.5108391226543857E-2</v>
      </c>
      <c r="G251" s="194">
        <v>0.70863464155435607</v>
      </c>
      <c r="H251" s="92">
        <v>3.6998571866235549E-2</v>
      </c>
      <c r="I251" s="194">
        <v>5.5371090296811353E-3</v>
      </c>
      <c r="J251" s="92">
        <v>7.5967520288289713E-3</v>
      </c>
      <c r="K251" s="44">
        <v>605</v>
      </c>
      <c r="L251" s="194">
        <v>0.19925276201772657</v>
      </c>
      <c r="M251" s="92">
        <v>3.2492046240411021E-2</v>
      </c>
      <c r="N251" s="194">
        <v>0.14302599188735526</v>
      </c>
      <c r="O251" s="92">
        <v>2.8565946315567269E-2</v>
      </c>
      <c r="P251" s="194">
        <v>0.60484965854028339</v>
      </c>
      <c r="Q251" s="92">
        <v>3.9633003446115769E-2</v>
      </c>
      <c r="R251" s="194">
        <v>5.2871587554628327E-2</v>
      </c>
      <c r="S251" s="92">
        <v>1.8603778948852921E-2</v>
      </c>
    </row>
    <row r="252" spans="1:19">
      <c r="A252" s="40" t="s">
        <v>543</v>
      </c>
      <c r="B252" s="40">
        <v>58</v>
      </c>
      <c r="C252" s="315">
        <v>0.19811226679790978</v>
      </c>
      <c r="D252" s="316">
        <v>0.10480210771995797</v>
      </c>
      <c r="E252" s="315">
        <v>0.14080184874896312</v>
      </c>
      <c r="F252" s="316">
        <v>9.404453978830403E-2</v>
      </c>
      <c r="G252" s="315">
        <v>0.66108588445312733</v>
      </c>
      <c r="H252" s="316">
        <v>0.12109488292244396</v>
      </c>
      <c r="I252" s="315">
        <v>0</v>
      </c>
      <c r="J252" s="316">
        <v>4.4877957654209835E-2</v>
      </c>
      <c r="K252" s="319">
        <v>58</v>
      </c>
      <c r="L252" s="315">
        <v>0.37476139493093075</v>
      </c>
      <c r="M252" s="316">
        <v>0.12346446273889372</v>
      </c>
      <c r="N252" s="315">
        <v>7.685392504397448E-2</v>
      </c>
      <c r="O252" s="316">
        <v>7.7586864727476237E-2</v>
      </c>
      <c r="P252" s="315">
        <v>0.5303143573691258</v>
      </c>
      <c r="Q252" s="316">
        <v>0.12679569297619592</v>
      </c>
      <c r="R252" s="315">
        <v>1.8070322655969539E-2</v>
      </c>
      <c r="S252" s="316">
        <v>5.4916712661324203E-2</v>
      </c>
    </row>
    <row r="253" spans="1:19">
      <c r="A253" s="44" t="s">
        <v>550</v>
      </c>
      <c r="B253" s="44">
        <v>107</v>
      </c>
      <c r="C253" s="194">
        <v>0.19472687297087071</v>
      </c>
      <c r="D253" s="92">
        <v>7.6736079162692997E-2</v>
      </c>
      <c r="E253" s="194">
        <v>0.14717229206226082</v>
      </c>
      <c r="F253" s="92">
        <v>6.957347893472593E-2</v>
      </c>
      <c r="G253" s="194">
        <v>0.65718784898093086</v>
      </c>
      <c r="H253" s="92">
        <v>9.0452446834319133E-2</v>
      </c>
      <c r="I253" s="194">
        <v>9.1298598593743548E-4</v>
      </c>
      <c r="J253" s="92">
        <v>2.5848460172016259E-2</v>
      </c>
      <c r="K253" s="44">
        <v>106</v>
      </c>
      <c r="L253" s="194">
        <v>0.15007093509901409</v>
      </c>
      <c r="M253" s="92">
        <v>7.0399693117193476E-2</v>
      </c>
      <c r="N253" s="194">
        <v>0.197139967449627</v>
      </c>
      <c r="O253" s="92">
        <v>7.7418664262571088E-2</v>
      </c>
      <c r="P253" s="194">
        <v>0.53548959979451383</v>
      </c>
      <c r="Q253" s="92">
        <v>9.5122968010667705E-2</v>
      </c>
      <c r="R253" s="194">
        <v>0.11729949765684518</v>
      </c>
      <c r="S253" s="92">
        <v>6.43847165691495E-2</v>
      </c>
    </row>
    <row r="254" spans="1:19">
      <c r="A254" s="40" t="s">
        <v>544</v>
      </c>
      <c r="B254" s="40">
        <v>119</v>
      </c>
      <c r="C254" s="315">
        <v>0.12542900054826067</v>
      </c>
      <c r="D254" s="316">
        <v>6.2123300428854923E-2</v>
      </c>
      <c r="E254" s="315">
        <v>5.5470574037153803E-2</v>
      </c>
      <c r="F254" s="316">
        <v>4.5989414123570833E-2</v>
      </c>
      <c r="G254" s="315">
        <v>0.81825530439341587</v>
      </c>
      <c r="H254" s="316">
        <v>7.1041995921690151E-2</v>
      </c>
      <c r="I254" s="315">
        <v>8.451210211701005E-4</v>
      </c>
      <c r="J254" s="316">
        <v>2.3364310744290365E-2</v>
      </c>
      <c r="K254" s="319">
        <v>121</v>
      </c>
      <c r="L254" s="315">
        <v>9.1170516385134875E-2</v>
      </c>
      <c r="M254" s="316">
        <v>5.4665340937883139E-2</v>
      </c>
      <c r="N254" s="315">
        <v>0.12479870542250117</v>
      </c>
      <c r="O254" s="316">
        <v>6.147246502807184E-2</v>
      </c>
      <c r="P254" s="315">
        <v>0.75939121130083276</v>
      </c>
      <c r="Q254" s="316">
        <v>7.7346692572118556E-2</v>
      </c>
      <c r="R254" s="315">
        <v>2.4639566891531885E-2</v>
      </c>
      <c r="S254" s="316">
        <v>3.4991651813510619E-2</v>
      </c>
    </row>
    <row r="255" spans="1:19">
      <c r="A255" s="44" t="s">
        <v>545</v>
      </c>
      <c r="B255" s="44">
        <v>153</v>
      </c>
      <c r="C255" s="194">
        <v>9.7718065839325893E-2</v>
      </c>
      <c r="D255" s="92">
        <v>4.9535511809079627E-2</v>
      </c>
      <c r="E255" s="194">
        <v>8.2877994255165302E-2</v>
      </c>
      <c r="F255" s="92">
        <v>4.6470883743497136E-2</v>
      </c>
      <c r="G255" s="194">
        <v>0.81004518787611945</v>
      </c>
      <c r="H255" s="92">
        <v>6.358861141820786E-2</v>
      </c>
      <c r="I255" s="194">
        <v>9.3587520293893431E-3</v>
      </c>
      <c r="J255" s="92">
        <v>2.3339828375589317E-2</v>
      </c>
      <c r="K255" s="44">
        <v>155</v>
      </c>
      <c r="L255" s="194">
        <v>0.11207106279978013</v>
      </c>
      <c r="M255" s="92">
        <v>5.1879799123114738E-2</v>
      </c>
      <c r="N255" s="194">
        <v>0.12434341793811576</v>
      </c>
      <c r="O255" s="92">
        <v>5.3995828129234313E-2</v>
      </c>
      <c r="P255" s="194">
        <v>0.69870863435658481</v>
      </c>
      <c r="Q255" s="92">
        <v>7.3111711166570462E-2</v>
      </c>
      <c r="R255" s="194">
        <v>6.4876884905519946E-2</v>
      </c>
      <c r="S255" s="92">
        <v>4.1986578766061738E-2</v>
      </c>
    </row>
    <row r="256" spans="1:19">
      <c r="A256" s="40" t="s">
        <v>546</v>
      </c>
      <c r="B256" s="40">
        <v>72</v>
      </c>
      <c r="C256" s="315">
        <v>0.43900928114515742</v>
      </c>
      <c r="D256" s="316">
        <v>0.11393936358312452</v>
      </c>
      <c r="E256" s="315">
        <v>8.2718225834109427E-2</v>
      </c>
      <c r="F256" s="316">
        <v>7.02336076421788E-2</v>
      </c>
      <c r="G256" s="315">
        <v>0.47827249302073244</v>
      </c>
      <c r="H256" s="316">
        <v>0.11461062246133863</v>
      </c>
      <c r="I256" s="315">
        <v>0</v>
      </c>
      <c r="J256" s="316">
        <v>3.6723195522334773E-2</v>
      </c>
      <c r="K256" s="319">
        <v>72</v>
      </c>
      <c r="L256" s="315">
        <v>0.41786429299080169</v>
      </c>
      <c r="M256" s="316">
        <v>0.11331028012015512</v>
      </c>
      <c r="N256" s="315">
        <v>0.17327118957484586</v>
      </c>
      <c r="O256" s="316">
        <v>9.0084637397412723E-2</v>
      </c>
      <c r="P256" s="315">
        <v>0.38634671013412863</v>
      </c>
      <c r="Q256" s="316">
        <v>0.11201664348957625</v>
      </c>
      <c r="R256" s="315">
        <v>2.2517807300223128E-2</v>
      </c>
      <c r="S256" s="316">
        <v>4.8870437909108215E-2</v>
      </c>
    </row>
    <row r="257" spans="1:45">
      <c r="A257" s="44" t="s">
        <v>547</v>
      </c>
      <c r="B257" s="44">
        <v>92</v>
      </c>
      <c r="C257" s="194">
        <v>0.15312377534024008</v>
      </c>
      <c r="D257" s="92">
        <v>7.6238364341175452E-2</v>
      </c>
      <c r="E257" s="194">
        <v>0.1640681590583532</v>
      </c>
      <c r="F257" s="92">
        <v>7.8091309064096684E-2</v>
      </c>
      <c r="G257" s="194">
        <v>0.65835630210517904</v>
      </c>
      <c r="H257" s="92">
        <v>9.7247423305368036E-2</v>
      </c>
      <c r="I257" s="194">
        <v>2.4451763496226294E-2</v>
      </c>
      <c r="J257" s="92">
        <v>4.1985498684170987E-2</v>
      </c>
      <c r="K257" s="44">
        <v>93</v>
      </c>
      <c r="L257" s="194">
        <v>0.30679291321893548</v>
      </c>
      <c r="M257" s="92">
        <v>9.4309475715752239E-2</v>
      </c>
      <c r="N257" s="194">
        <v>0.14284727865241986</v>
      </c>
      <c r="O257" s="92">
        <v>7.3986700978094441E-2</v>
      </c>
      <c r="P257" s="194">
        <v>0.52344301340998411</v>
      </c>
      <c r="Q257" s="92">
        <v>0.10143197737584243</v>
      </c>
      <c r="R257" s="194">
        <v>2.6916794718658973E-2</v>
      </c>
      <c r="S257" s="92">
        <v>4.2726685714033645E-2</v>
      </c>
    </row>
    <row r="258" spans="1:45">
      <c r="A258" s="40" t="s">
        <v>551</v>
      </c>
      <c r="B258" s="40">
        <v>749</v>
      </c>
      <c r="C258" s="315">
        <v>9.0881605109433647E-2</v>
      </c>
      <c r="D258" s="316">
        <v>2.1173496512900406E-2</v>
      </c>
      <c r="E258" s="315">
        <v>0.10984875937233554</v>
      </c>
      <c r="F258" s="316">
        <v>2.2978123890399965E-2</v>
      </c>
      <c r="G258" s="315">
        <v>0.78417328528596242</v>
      </c>
      <c r="H258" s="316">
        <v>3.0059808841121947E-2</v>
      </c>
      <c r="I258" s="315">
        <v>1.509635023226664E-2</v>
      </c>
      <c r="J258" s="316">
        <v>9.6029801133458437E-3</v>
      </c>
      <c r="K258" s="319">
        <v>745</v>
      </c>
      <c r="L258" s="315">
        <v>0.12813475556153489</v>
      </c>
      <c r="M258" s="316">
        <v>2.4586219740971978E-2</v>
      </c>
      <c r="N258" s="315">
        <v>0.10056426065014099</v>
      </c>
      <c r="O258" s="316">
        <v>2.2183921929164799E-2</v>
      </c>
      <c r="P258" s="315">
        <v>0.67256975787771944</v>
      </c>
      <c r="Q258" s="316">
        <v>3.431861318016094E-2</v>
      </c>
      <c r="R258" s="315">
        <v>9.8731225910603862E-2</v>
      </c>
      <c r="S258" s="316">
        <v>2.2008443877324608E-2</v>
      </c>
    </row>
    <row r="259" spans="1:45">
      <c r="A259" s="44" t="s">
        <v>552</v>
      </c>
      <c r="B259" s="44">
        <v>210</v>
      </c>
      <c r="C259" s="194">
        <v>9.1676223229326947E-2</v>
      </c>
      <c r="D259" s="92">
        <v>4.0888788407827156E-2</v>
      </c>
      <c r="E259" s="194">
        <v>0.1120635801701633</v>
      </c>
      <c r="F259" s="92">
        <v>4.4318035787196369E-2</v>
      </c>
      <c r="G259" s="194">
        <v>0.78843758996470759</v>
      </c>
      <c r="H259" s="92">
        <v>5.6350841887016979E-2</v>
      </c>
      <c r="I259" s="194">
        <v>7.8226066358021932E-3</v>
      </c>
      <c r="J259" s="92">
        <v>1.7684900011842919E-2</v>
      </c>
      <c r="K259" s="44">
        <v>210</v>
      </c>
      <c r="L259" s="194">
        <v>9.6448576539827982E-2</v>
      </c>
      <c r="M259" s="92">
        <v>4.1732871514565804E-2</v>
      </c>
      <c r="N259" s="194">
        <v>0.10329630012286932</v>
      </c>
      <c r="O259" s="92">
        <v>4.2898342257059234E-2</v>
      </c>
      <c r="P259" s="194">
        <v>0.71797395374113537</v>
      </c>
      <c r="Q259" s="92">
        <v>6.1787536075412035E-2</v>
      </c>
      <c r="R259" s="194">
        <v>8.2281169596167311E-2</v>
      </c>
      <c r="S259" s="92">
        <v>3.914339098793413E-2</v>
      </c>
    </row>
    <row r="260" spans="1:45">
      <c r="A260" s="40" t="s">
        <v>553</v>
      </c>
      <c r="B260" s="40">
        <v>272</v>
      </c>
      <c r="C260" s="315">
        <v>9.6865390925202452E-2</v>
      </c>
      <c r="D260" s="316">
        <v>3.6546377991076642E-2</v>
      </c>
      <c r="E260" s="315">
        <v>0.11497513825564841</v>
      </c>
      <c r="F260" s="316">
        <v>3.9198796633263901E-2</v>
      </c>
      <c r="G260" s="315">
        <v>0.76461660470441561</v>
      </c>
      <c r="H260" s="316">
        <v>5.1357367812811618E-2</v>
      </c>
      <c r="I260" s="315">
        <v>2.3542866114734197E-2</v>
      </c>
      <c r="J260" s="316">
        <v>2.0684293105684905E-2</v>
      </c>
      <c r="K260" s="319">
        <v>269</v>
      </c>
      <c r="L260" s="315">
        <v>0.15789182278981737</v>
      </c>
      <c r="M260" s="316">
        <v>4.4699493865619888E-2</v>
      </c>
      <c r="N260" s="315">
        <v>0.119632900365995</v>
      </c>
      <c r="O260" s="316">
        <v>4.0060300895111901E-2</v>
      </c>
      <c r="P260" s="315">
        <v>0.59993531522244159</v>
      </c>
      <c r="Q260" s="316">
        <v>5.9337422179960193E-2</v>
      </c>
      <c r="R260" s="315">
        <v>0.12253996162174639</v>
      </c>
      <c r="S260" s="316">
        <v>4.044957167701118E-2</v>
      </c>
    </row>
    <row r="261" spans="1:45">
      <c r="A261" s="44" t="s">
        <v>554</v>
      </c>
      <c r="B261" s="44">
        <v>238</v>
      </c>
      <c r="C261" s="194">
        <v>8.8455865676879478E-2</v>
      </c>
      <c r="D261" s="92">
        <v>3.7742957142479154E-2</v>
      </c>
      <c r="E261" s="194">
        <v>0.10565154210043129</v>
      </c>
      <c r="F261" s="92">
        <v>4.0571874226385307E-2</v>
      </c>
      <c r="G261" s="194">
        <v>0.79685652928321749</v>
      </c>
      <c r="H261" s="92">
        <v>5.2186143083845275E-2</v>
      </c>
      <c r="I261" s="194">
        <v>9.0360629394716282E-3</v>
      </c>
      <c r="J261" s="92">
        <v>1.669216014698114E-2</v>
      </c>
      <c r="K261" s="44">
        <v>236</v>
      </c>
      <c r="L261" s="194">
        <v>0.12741150611749286</v>
      </c>
      <c r="M261" s="92">
        <v>4.3925440369742642E-2</v>
      </c>
      <c r="N261" s="194">
        <v>8.2170102524793662E-2</v>
      </c>
      <c r="O261" s="92">
        <v>3.6785204437933636E-2</v>
      </c>
      <c r="P261" s="194">
        <v>0.70934110415374529</v>
      </c>
      <c r="Q261" s="92">
        <v>5.882529484157413E-2</v>
      </c>
      <c r="R261" s="194">
        <v>8.1077287203968229E-2</v>
      </c>
      <c r="S261" s="92">
        <v>3.6584351479711986E-2</v>
      </c>
    </row>
    <row r="262" spans="1:45">
      <c r="P262" s="242"/>
      <c r="Q262" s="242"/>
      <c r="R262" s="242"/>
      <c r="S262" s="242"/>
      <c r="T262" s="242"/>
      <c r="U262" s="242"/>
      <c r="V262" s="242"/>
      <c r="W262" s="242"/>
      <c r="X262" s="242"/>
      <c r="Y262" s="242"/>
      <c r="Z262" s="242"/>
      <c r="AA262" s="242"/>
      <c r="AB262" s="242"/>
      <c r="AC262" s="242"/>
      <c r="AD262" s="242"/>
      <c r="AE262" s="242"/>
      <c r="AF262" s="242"/>
      <c r="AG262" s="242"/>
      <c r="AH262" s="242"/>
      <c r="AI262" s="242"/>
      <c r="AJ262" s="242"/>
      <c r="AK262" s="242"/>
      <c r="AL262" s="242"/>
      <c r="AM262" s="242"/>
      <c r="AN262" s="242"/>
      <c r="AO262" s="242"/>
      <c r="AP262" s="242"/>
      <c r="AQ262" s="242"/>
      <c r="AR262" s="242"/>
      <c r="AS262" s="242"/>
    </row>
    <row r="263" spans="1:45">
      <c r="P263" s="242"/>
      <c r="Q263" s="242"/>
      <c r="R263" s="242"/>
      <c r="S263" s="242"/>
      <c r="T263" s="242"/>
      <c r="U263" s="242"/>
      <c r="V263" s="242"/>
      <c r="W263" s="242"/>
      <c r="X263" s="242"/>
      <c r="Y263" s="242"/>
      <c r="Z263" s="242"/>
      <c r="AA263" s="242"/>
      <c r="AB263" s="242"/>
      <c r="AC263" s="242"/>
      <c r="AD263" s="242"/>
      <c r="AE263" s="242"/>
      <c r="AF263" s="242"/>
      <c r="AG263" s="242"/>
      <c r="AH263" s="242"/>
      <c r="AI263" s="242"/>
      <c r="AJ263" s="242"/>
      <c r="AK263" s="242"/>
      <c r="AL263" s="242"/>
      <c r="AM263" s="242"/>
      <c r="AN263" s="242"/>
      <c r="AO263" s="242"/>
      <c r="AP263" s="242"/>
      <c r="AQ263" s="242"/>
      <c r="AR263" s="242"/>
      <c r="AS263" s="242"/>
    </row>
    <row r="264" spans="1:45" ht="18.75">
      <c r="A264" s="426" t="s">
        <v>355</v>
      </c>
      <c r="B264" s="426"/>
      <c r="C264" s="426"/>
      <c r="D264" s="426"/>
    </row>
    <row r="265" spans="1:45" ht="85.5" customHeight="1">
      <c r="A265" s="417" t="s">
        <v>613</v>
      </c>
      <c r="B265" s="417"/>
      <c r="C265" s="417"/>
      <c r="D265" s="417"/>
    </row>
    <row r="266" spans="1:45" ht="36" customHeight="1">
      <c r="A266" s="400" t="s">
        <v>241</v>
      </c>
      <c r="B266" s="400"/>
      <c r="C266" s="400"/>
      <c r="D266" s="400"/>
    </row>
    <row r="267" spans="1:45" ht="40.5" customHeight="1">
      <c r="A267" s="32" t="s">
        <v>71</v>
      </c>
      <c r="B267" s="33" t="s">
        <v>72</v>
      </c>
      <c r="C267" s="34" t="s">
        <v>593</v>
      </c>
      <c r="D267" s="35" t="s">
        <v>73</v>
      </c>
    </row>
    <row r="268" spans="1:45" ht="72">
      <c r="A268" s="36"/>
      <c r="B268" s="37" t="s">
        <v>74</v>
      </c>
      <c r="C268" s="123" t="s">
        <v>242</v>
      </c>
      <c r="D268" s="39" t="s">
        <v>76</v>
      </c>
    </row>
    <row r="269" spans="1:45">
      <c r="A269" s="40" t="s">
        <v>350</v>
      </c>
      <c r="B269" s="201">
        <v>13336</v>
      </c>
      <c r="C269" s="202">
        <v>5.0078707272273473</v>
      </c>
      <c r="D269" s="203">
        <v>3.0424742860847169E-2</v>
      </c>
    </row>
    <row r="270" spans="1:45">
      <c r="A270" s="44" t="s">
        <v>351</v>
      </c>
      <c r="B270" s="44">
        <v>9776</v>
      </c>
      <c r="C270" s="205">
        <v>4.6624899340711865</v>
      </c>
      <c r="D270" s="206">
        <v>3.6540269743475663E-2</v>
      </c>
    </row>
    <row r="271" spans="1:45">
      <c r="A271" s="40" t="s">
        <v>352</v>
      </c>
      <c r="B271" s="48">
        <v>3560</v>
      </c>
      <c r="C271" s="202">
        <v>5.2895581924058508</v>
      </c>
      <c r="D271" s="203">
        <v>4.7369388098030055E-2</v>
      </c>
    </row>
    <row r="272" spans="1:45">
      <c r="A272" s="44" t="s">
        <v>534</v>
      </c>
      <c r="B272" s="44">
        <v>3033</v>
      </c>
      <c r="C272" s="205">
        <v>5.0526615891827538</v>
      </c>
      <c r="D272" s="206">
        <v>6.4049815491558887E-2</v>
      </c>
    </row>
    <row r="273" spans="1:4">
      <c r="A273" s="40" t="s">
        <v>535</v>
      </c>
      <c r="B273" s="48">
        <v>2380</v>
      </c>
      <c r="C273" s="202">
        <v>4.4753066632553677</v>
      </c>
      <c r="D273" s="203">
        <v>7.3284288201309791E-2</v>
      </c>
    </row>
    <row r="274" spans="1:4">
      <c r="A274" s="44" t="s">
        <v>536</v>
      </c>
      <c r="B274" s="44">
        <v>358</v>
      </c>
      <c r="C274" s="205">
        <v>4.4733122799939142</v>
      </c>
      <c r="D274" s="206">
        <v>0.18450254755998063</v>
      </c>
    </row>
    <row r="275" spans="1:4">
      <c r="A275" s="40" t="s">
        <v>537</v>
      </c>
      <c r="B275" s="48">
        <v>83</v>
      </c>
      <c r="C275" s="202">
        <v>4.677936920675692</v>
      </c>
      <c r="D275" s="203">
        <v>0.37943880061519464</v>
      </c>
    </row>
    <row r="276" spans="1:4">
      <c r="A276" s="44" t="s">
        <v>538</v>
      </c>
      <c r="B276" s="44">
        <v>62</v>
      </c>
      <c r="C276" s="205">
        <v>3.9453723394322973</v>
      </c>
      <c r="D276" s="206">
        <v>0.47088684896016675</v>
      </c>
    </row>
    <row r="277" spans="1:4">
      <c r="A277" s="40" t="s">
        <v>539</v>
      </c>
      <c r="B277" s="48">
        <v>63</v>
      </c>
      <c r="C277" s="202">
        <v>4.7633698952541543</v>
      </c>
      <c r="D277" s="203">
        <v>0.41524320770507617</v>
      </c>
    </row>
    <row r="278" spans="1:4">
      <c r="A278" s="44" t="s">
        <v>540</v>
      </c>
      <c r="B278" s="44">
        <v>76</v>
      </c>
      <c r="C278" s="205">
        <v>4.6525960968058149</v>
      </c>
      <c r="D278" s="206">
        <v>0.40442631301546117</v>
      </c>
    </row>
    <row r="279" spans="1:4">
      <c r="A279" s="40" t="s">
        <v>541</v>
      </c>
      <c r="B279" s="201">
        <v>74</v>
      </c>
      <c r="C279" s="202">
        <v>4.2482352277014304</v>
      </c>
      <c r="D279" s="203">
        <v>0.38564906440513019</v>
      </c>
    </row>
    <row r="280" spans="1:4">
      <c r="A280" s="44" t="s">
        <v>542</v>
      </c>
      <c r="B280" s="204">
        <v>564</v>
      </c>
      <c r="C280" s="205">
        <v>4.4506991598690417</v>
      </c>
      <c r="D280" s="206">
        <v>0.14987236741862511</v>
      </c>
    </row>
    <row r="281" spans="1:4">
      <c r="A281" s="40" t="s">
        <v>543</v>
      </c>
      <c r="B281" s="78">
        <v>53</v>
      </c>
      <c r="C281" s="202">
        <v>4.4374166463557261</v>
      </c>
      <c r="D281" s="203">
        <v>0.45466319864535581</v>
      </c>
    </row>
    <row r="282" spans="1:4">
      <c r="A282" s="44" t="s">
        <v>550</v>
      </c>
      <c r="B282" s="204">
        <v>103</v>
      </c>
      <c r="C282" s="205">
        <v>4.3669030988791677</v>
      </c>
      <c r="D282" s="206">
        <v>0.37464795229960773</v>
      </c>
    </row>
    <row r="283" spans="1:4">
      <c r="A283" s="52" t="s">
        <v>544</v>
      </c>
      <c r="B283" s="201">
        <v>110</v>
      </c>
      <c r="C283" s="202">
        <v>4.909306176146421</v>
      </c>
      <c r="D283" s="203">
        <v>0.34399608947800842</v>
      </c>
    </row>
    <row r="284" spans="1:4">
      <c r="A284" s="44" t="s">
        <v>545</v>
      </c>
      <c r="B284" s="204">
        <v>147</v>
      </c>
      <c r="C284" s="205">
        <v>4.5794988430954078</v>
      </c>
      <c r="D284" s="206">
        <v>0.28429517106739155</v>
      </c>
    </row>
    <row r="285" spans="1:4">
      <c r="A285" s="52" t="s">
        <v>546</v>
      </c>
      <c r="B285" s="201">
        <v>66</v>
      </c>
      <c r="C285" s="202">
        <v>3.8823710710892869</v>
      </c>
      <c r="D285" s="203">
        <v>0.44689897903681985</v>
      </c>
    </row>
    <row r="286" spans="1:4">
      <c r="A286" s="44" t="s">
        <v>547</v>
      </c>
      <c r="B286" s="204">
        <v>85</v>
      </c>
      <c r="C286" s="205">
        <v>4.0726092488084733</v>
      </c>
      <c r="D286" s="206">
        <v>0.37674647979059089</v>
      </c>
    </row>
    <row r="287" spans="1:4">
      <c r="A287" s="52" t="s">
        <v>551</v>
      </c>
      <c r="B287" s="201">
        <v>719</v>
      </c>
      <c r="C287" s="202">
        <v>5.23119215419237</v>
      </c>
      <c r="D287" s="203">
        <v>0.11227942787723308</v>
      </c>
    </row>
    <row r="288" spans="1:4">
      <c r="A288" s="44" t="s">
        <v>552</v>
      </c>
      <c r="B288" s="204">
        <v>202</v>
      </c>
      <c r="C288" s="205">
        <v>5.2300692691303823</v>
      </c>
      <c r="D288" s="206">
        <v>0.2055042699289481</v>
      </c>
    </row>
    <row r="289" spans="1:49">
      <c r="A289" s="52" t="s">
        <v>553</v>
      </c>
      <c r="B289" s="201">
        <v>260</v>
      </c>
      <c r="C289" s="202">
        <v>5.2586620537160007</v>
      </c>
      <c r="D289" s="203">
        <v>0.18687968148686129</v>
      </c>
    </row>
    <row r="290" spans="1:49">
      <c r="A290" s="44" t="s">
        <v>554</v>
      </c>
      <c r="B290" s="204">
        <v>228</v>
      </c>
      <c r="C290" s="205">
        <v>5.1592196150650445</v>
      </c>
      <c r="D290" s="206">
        <v>0.20912955474027101</v>
      </c>
    </row>
    <row r="291" spans="1:49" s="238" customFormat="1">
      <c r="A291" s="231"/>
      <c r="B291" s="245"/>
      <c r="C291" s="246"/>
      <c r="D291" s="247"/>
    </row>
    <row r="292" spans="1:49" s="238" customFormat="1">
      <c r="A292" s="231"/>
      <c r="B292" s="245"/>
      <c r="C292" s="246"/>
      <c r="D292" s="247"/>
    </row>
    <row r="293" spans="1:49" ht="18.75">
      <c r="A293" s="346" t="s">
        <v>67</v>
      </c>
      <c r="B293" s="346"/>
      <c r="C293" s="346"/>
      <c r="D293" s="346"/>
      <c r="E293" s="346"/>
      <c r="F293" s="346"/>
      <c r="G293" s="346"/>
      <c r="H293" s="346"/>
      <c r="I293" s="346"/>
      <c r="J293" s="346"/>
      <c r="K293" s="346"/>
      <c r="L293" s="346"/>
      <c r="M293" s="346"/>
      <c r="N293" s="346"/>
      <c r="O293" s="346"/>
      <c r="P293" s="346"/>
      <c r="Q293" s="346"/>
      <c r="R293" s="346"/>
      <c r="S293" s="346"/>
      <c r="T293" s="224"/>
      <c r="U293" s="224"/>
      <c r="V293" s="224"/>
      <c r="W293" s="224"/>
      <c r="X293" s="224"/>
      <c r="Y293" s="224"/>
      <c r="Z293" s="224"/>
      <c r="AA293" s="224"/>
      <c r="AB293" s="224"/>
      <c r="AC293" s="224"/>
      <c r="AD293" s="224"/>
      <c r="AE293" s="224"/>
      <c r="AF293" s="224"/>
      <c r="AG293" s="224"/>
      <c r="AH293" s="224"/>
      <c r="AI293" s="224"/>
      <c r="AJ293" s="224"/>
      <c r="AK293" s="242"/>
      <c r="AL293" s="242"/>
      <c r="AM293" s="242"/>
      <c r="AN293" s="242"/>
      <c r="AO293" s="242"/>
      <c r="AP293" s="242"/>
      <c r="AQ293" s="242"/>
      <c r="AR293" s="242"/>
      <c r="AS293" s="242"/>
    </row>
    <row r="294" spans="1:49" ht="67.5" customHeight="1">
      <c r="A294" s="428" t="s">
        <v>421</v>
      </c>
      <c r="B294" s="428"/>
      <c r="C294" s="428"/>
      <c r="D294" s="428"/>
      <c r="E294" s="428"/>
      <c r="F294" s="428"/>
      <c r="G294" s="428"/>
      <c r="H294" s="428"/>
      <c r="I294" s="428"/>
      <c r="J294" s="428"/>
      <c r="K294" s="428"/>
      <c r="L294" s="428"/>
      <c r="M294" s="428"/>
      <c r="N294" s="428"/>
      <c r="O294" s="428"/>
      <c r="P294" s="428"/>
      <c r="Q294" s="428"/>
      <c r="R294" s="428"/>
      <c r="S294" s="428"/>
      <c r="T294" s="243"/>
      <c r="U294" s="243"/>
      <c r="V294" s="243"/>
      <c r="W294" s="243"/>
      <c r="X294" s="243"/>
      <c r="Y294" s="243"/>
      <c r="Z294" s="243"/>
      <c r="AA294" s="243"/>
      <c r="AB294" s="243"/>
      <c r="AC294" s="243"/>
      <c r="AD294" s="243"/>
      <c r="AE294" s="243"/>
      <c r="AF294" s="243"/>
      <c r="AG294" s="243"/>
      <c r="AH294" s="243"/>
      <c r="AI294" s="243"/>
      <c r="AJ294" s="243"/>
      <c r="AK294" s="242"/>
      <c r="AL294" s="242"/>
      <c r="AM294" s="242"/>
      <c r="AN294" s="242"/>
      <c r="AO294" s="242"/>
      <c r="AP294" s="242"/>
      <c r="AQ294" s="242"/>
      <c r="AR294" s="242"/>
      <c r="AS294" s="242"/>
    </row>
    <row r="295" spans="1:49" ht="33" customHeight="1">
      <c r="A295" s="59"/>
      <c r="B295" s="393" t="s">
        <v>240</v>
      </c>
      <c r="C295" s="394"/>
      <c r="D295" s="394"/>
      <c r="E295" s="394"/>
      <c r="F295" s="394"/>
      <c r="G295" s="394"/>
      <c r="H295" s="394"/>
      <c r="I295" s="394"/>
      <c r="J295" s="395"/>
      <c r="K295" s="393" t="s">
        <v>422</v>
      </c>
      <c r="L295" s="394"/>
      <c r="M295" s="394"/>
      <c r="N295" s="394"/>
      <c r="O295" s="394"/>
      <c r="P295" s="394"/>
      <c r="Q295" s="394"/>
      <c r="R295" s="394"/>
      <c r="S295" s="395"/>
      <c r="T295" s="242"/>
      <c r="U295" s="242"/>
      <c r="V295" s="242"/>
      <c r="W295" s="242"/>
      <c r="X295" s="242"/>
      <c r="Y295" s="242"/>
      <c r="Z295" s="242"/>
      <c r="AA295" s="242"/>
      <c r="AB295" s="242"/>
      <c r="AC295" s="242"/>
      <c r="AD295" s="242"/>
      <c r="AE295" s="242"/>
      <c r="AF295" s="242"/>
      <c r="AG295" s="242"/>
      <c r="AH295" s="242"/>
      <c r="AI295" s="242"/>
      <c r="AJ295" s="242"/>
      <c r="AK295" s="242"/>
      <c r="AL295" s="242"/>
      <c r="AM295" s="242"/>
      <c r="AN295" s="242"/>
      <c r="AO295" s="242"/>
      <c r="AP295" s="242"/>
      <c r="AQ295" s="242"/>
      <c r="AR295" s="242"/>
      <c r="AS295" s="242"/>
      <c r="AT295" s="242"/>
      <c r="AU295" s="242"/>
      <c r="AV295" s="242"/>
      <c r="AW295" s="242"/>
    </row>
    <row r="296" spans="1:49" ht="41.25" customHeight="1">
      <c r="A296" s="32" t="s">
        <v>71</v>
      </c>
      <c r="B296" s="33" t="s">
        <v>72</v>
      </c>
      <c r="C296" s="33" t="s">
        <v>312</v>
      </c>
      <c r="D296" s="84" t="s">
        <v>143</v>
      </c>
      <c r="E296" s="33" t="s">
        <v>313</v>
      </c>
      <c r="F296" s="84" t="s">
        <v>144</v>
      </c>
      <c r="G296" s="33" t="s">
        <v>314</v>
      </c>
      <c r="H296" s="84" t="s">
        <v>117</v>
      </c>
      <c r="I296" s="33" t="s">
        <v>301</v>
      </c>
      <c r="J296" s="84" t="s">
        <v>315</v>
      </c>
      <c r="K296" s="60" t="s">
        <v>72</v>
      </c>
      <c r="L296" s="60" t="s">
        <v>312</v>
      </c>
      <c r="M296" s="83" t="s">
        <v>143</v>
      </c>
      <c r="N296" s="60" t="s">
        <v>313</v>
      </c>
      <c r="O296" s="83" t="s">
        <v>144</v>
      </c>
      <c r="P296" s="60" t="s">
        <v>314</v>
      </c>
      <c r="Q296" s="244" t="s">
        <v>117</v>
      </c>
      <c r="R296" s="258" t="s">
        <v>301</v>
      </c>
      <c r="S296" s="83" t="s">
        <v>315</v>
      </c>
      <c r="T296" s="242"/>
      <c r="U296" s="242"/>
      <c r="V296" s="242"/>
      <c r="W296" s="242"/>
      <c r="X296" s="242"/>
      <c r="Y296" s="242"/>
      <c r="Z296" s="242"/>
      <c r="AA296" s="242"/>
      <c r="AB296" s="242"/>
      <c r="AC296" s="242"/>
      <c r="AD296" s="242"/>
      <c r="AE296" s="242"/>
      <c r="AF296" s="242"/>
      <c r="AG296" s="242"/>
      <c r="AH296" s="242"/>
      <c r="AI296" s="242"/>
      <c r="AJ296" s="242"/>
      <c r="AK296" s="242"/>
      <c r="AL296" s="242"/>
      <c r="AM296" s="242"/>
      <c r="AN296" s="242"/>
      <c r="AO296" s="242"/>
      <c r="AP296" s="242"/>
      <c r="AQ296" s="242"/>
      <c r="AR296" s="242"/>
      <c r="AS296" s="242"/>
      <c r="AT296" s="242"/>
      <c r="AU296" s="242"/>
      <c r="AV296" s="242"/>
      <c r="AW296" s="242"/>
    </row>
    <row r="297" spans="1:49" ht="72">
      <c r="A297" s="36"/>
      <c r="B297" s="37" t="s">
        <v>74</v>
      </c>
      <c r="C297" s="37" t="s">
        <v>159</v>
      </c>
      <c r="D297" s="86" t="s">
        <v>88</v>
      </c>
      <c r="E297" s="37" t="s">
        <v>160</v>
      </c>
      <c r="F297" s="86" t="s">
        <v>88</v>
      </c>
      <c r="G297" s="37" t="s">
        <v>161</v>
      </c>
      <c r="H297" s="86" t="s">
        <v>88</v>
      </c>
      <c r="I297" s="37" t="s">
        <v>301</v>
      </c>
      <c r="J297" s="86" t="s">
        <v>88</v>
      </c>
      <c r="K297" s="63" t="s">
        <v>74</v>
      </c>
      <c r="L297" s="63" t="s">
        <v>159</v>
      </c>
      <c r="M297" s="85" t="s">
        <v>88</v>
      </c>
      <c r="N297" s="63" t="s">
        <v>160</v>
      </c>
      <c r="O297" s="85" t="s">
        <v>88</v>
      </c>
      <c r="P297" s="63" t="s">
        <v>161</v>
      </c>
      <c r="Q297" s="255" t="s">
        <v>88</v>
      </c>
      <c r="R297" s="259" t="s">
        <v>301</v>
      </c>
      <c r="S297" s="85" t="s">
        <v>88</v>
      </c>
    </row>
    <row r="298" spans="1:49">
      <c r="A298" s="40" t="s">
        <v>350</v>
      </c>
      <c r="B298" s="197">
        <v>13878</v>
      </c>
      <c r="C298" s="199">
        <v>0.16339033606008055</v>
      </c>
      <c r="D298" s="89">
        <v>6.2774358812823922E-3</v>
      </c>
      <c r="E298" s="199">
        <v>0.11431845030675639</v>
      </c>
      <c r="F298" s="89">
        <v>5.4036185174879065E-3</v>
      </c>
      <c r="G298" s="199">
        <v>0.70621469489153232</v>
      </c>
      <c r="H298" s="89">
        <v>7.7323771471404035E-3</v>
      </c>
      <c r="I298" s="199">
        <v>1.6076518741640532E-2</v>
      </c>
      <c r="J298" s="89">
        <v>2.1440019009182566E-3</v>
      </c>
      <c r="K298" s="197">
        <v>13866</v>
      </c>
      <c r="L298" s="199">
        <v>0.24246825328875521</v>
      </c>
      <c r="M298" s="89">
        <v>7.2788846876738781E-3</v>
      </c>
      <c r="N298" s="199">
        <v>0.12754606611305092</v>
      </c>
      <c r="O298" s="89">
        <v>5.6669921283084594E-3</v>
      </c>
      <c r="P298" s="199">
        <v>0.60806084817354888</v>
      </c>
      <c r="Q298" s="256">
        <v>8.2905004196120579E-3</v>
      </c>
      <c r="R298" s="199">
        <v>2.1924832424661145E-2</v>
      </c>
      <c r="S298" s="89">
        <v>2.4944606318117587E-3</v>
      </c>
    </row>
    <row r="299" spans="1:49">
      <c r="A299" s="44" t="s">
        <v>351</v>
      </c>
      <c r="B299" s="198">
        <v>10196</v>
      </c>
      <c r="C299" s="200">
        <v>0.23298116959314863</v>
      </c>
      <c r="D299" s="92">
        <v>8.3726176962051844E-3</v>
      </c>
      <c r="E299" s="200">
        <v>0.1241100937099985</v>
      </c>
      <c r="F299" s="92">
        <v>6.5325001919750202E-3</v>
      </c>
      <c r="G299" s="200">
        <v>0.63229273388527618</v>
      </c>
      <c r="H299" s="92">
        <v>9.548890838625694E-3</v>
      </c>
      <c r="I299" s="200">
        <v>1.0616002811573835E-2</v>
      </c>
      <c r="J299" s="92">
        <v>2.0475817406493324E-3</v>
      </c>
      <c r="K299" s="198">
        <v>10178</v>
      </c>
      <c r="L299" s="200">
        <v>0.3143579821918957</v>
      </c>
      <c r="M299" s="92">
        <v>9.2024121563617778E-3</v>
      </c>
      <c r="N299" s="200">
        <v>0.13257185010653613</v>
      </c>
      <c r="O299" s="92">
        <v>6.7244385260997967E-3</v>
      </c>
      <c r="P299" s="200">
        <v>0.52882796947341926</v>
      </c>
      <c r="Q299" s="257">
        <v>9.8937510362868426E-3</v>
      </c>
      <c r="R299" s="200">
        <v>2.4242198228148513E-2</v>
      </c>
      <c r="S299" s="92">
        <v>3.0598250757300693E-3</v>
      </c>
    </row>
    <row r="300" spans="1:49">
      <c r="A300" s="40" t="s">
        <v>352</v>
      </c>
      <c r="B300" s="197">
        <v>3682</v>
      </c>
      <c r="C300" s="199">
        <v>0.10648612487476335</v>
      </c>
      <c r="D300" s="89">
        <v>1.0179226080639958E-2</v>
      </c>
      <c r="E300" s="199">
        <v>0.10631185352120638</v>
      </c>
      <c r="F300" s="89">
        <v>1.0171926721082273E-2</v>
      </c>
      <c r="G300" s="199">
        <v>0.76666045573060715</v>
      </c>
      <c r="H300" s="89">
        <v>1.3939114491659028E-2</v>
      </c>
      <c r="I300" s="199">
        <v>2.0541565873423859E-2</v>
      </c>
      <c r="J300" s="89">
        <v>4.730187941488751E-3</v>
      </c>
      <c r="K300" s="197">
        <v>3688</v>
      </c>
      <c r="L300" s="199">
        <v>0.18394347093250465</v>
      </c>
      <c r="M300" s="89">
        <v>1.2761866073402827E-2</v>
      </c>
      <c r="N300" s="199">
        <v>0.12345462052163975</v>
      </c>
      <c r="O300" s="89">
        <v>1.0843146443311287E-2</v>
      </c>
      <c r="P300" s="199">
        <v>0.67256362279981263</v>
      </c>
      <c r="Q300" s="256">
        <v>1.5448733445202551E-2</v>
      </c>
      <c r="R300" s="199">
        <v>2.0038285746043338E-2</v>
      </c>
      <c r="S300" s="89">
        <v>4.6706993838929569E-3</v>
      </c>
    </row>
    <row r="301" spans="1:49">
      <c r="A301" s="44" t="s">
        <v>534</v>
      </c>
      <c r="B301" s="198">
        <v>3192</v>
      </c>
      <c r="C301" s="200">
        <v>0.15183650636011656</v>
      </c>
      <c r="D301" s="92">
        <v>1.2710575044167331E-2</v>
      </c>
      <c r="E301" s="200">
        <v>9.7097438448785753E-2</v>
      </c>
      <c r="F301" s="92">
        <v>1.049915699111266E-2</v>
      </c>
      <c r="G301" s="200">
        <v>0.7304493098934981</v>
      </c>
      <c r="H301" s="92">
        <v>1.570320653782345E-2</v>
      </c>
      <c r="I301" s="200">
        <v>2.061674529759662E-2</v>
      </c>
      <c r="J301" s="92">
        <v>5.0981081852899332E-3</v>
      </c>
      <c r="K301" s="198">
        <v>3187</v>
      </c>
      <c r="L301" s="200">
        <v>0.2451286505840847</v>
      </c>
      <c r="M301" s="92">
        <v>1.5236703353286012E-2</v>
      </c>
      <c r="N301" s="200">
        <v>0.10672955805530693</v>
      </c>
      <c r="O301" s="92">
        <v>1.0954214339027889E-2</v>
      </c>
      <c r="P301" s="200">
        <v>0.61838430553681478</v>
      </c>
      <c r="Q301" s="257">
        <v>1.7200506872709239E-2</v>
      </c>
      <c r="R301" s="200">
        <v>2.9757485823788173E-2</v>
      </c>
      <c r="S301" s="92">
        <v>6.0734055229433887E-3</v>
      </c>
    </row>
    <row r="302" spans="1:49">
      <c r="A302" s="40" t="s">
        <v>535</v>
      </c>
      <c r="B302" s="197">
        <v>2511</v>
      </c>
      <c r="C302" s="199">
        <v>0.26440206982661474</v>
      </c>
      <c r="D302" s="89">
        <v>1.7595862334713969E-2</v>
      </c>
      <c r="E302" s="199">
        <v>0.11321688920180317</v>
      </c>
      <c r="F302" s="89">
        <v>1.2666344650264168E-2</v>
      </c>
      <c r="G302" s="199">
        <v>0.61671604492403109</v>
      </c>
      <c r="H302" s="89">
        <v>1.9391156716007767E-2</v>
      </c>
      <c r="I302" s="199">
        <v>5.6649960475541224E-3</v>
      </c>
      <c r="J302" s="89">
        <v>3.1928340664456527E-3</v>
      </c>
      <c r="K302" s="197">
        <v>2504</v>
      </c>
      <c r="L302" s="199">
        <v>0.36007584578735652</v>
      </c>
      <c r="M302" s="89">
        <v>1.917283238234143E-2</v>
      </c>
      <c r="N302" s="199">
        <v>0.11512064823365328</v>
      </c>
      <c r="O302" s="89">
        <v>1.2775825614078154E-2</v>
      </c>
      <c r="P302" s="199">
        <v>0.48620615819975527</v>
      </c>
      <c r="Q302" s="256">
        <v>1.9960500722708413E-2</v>
      </c>
      <c r="R302" s="199">
        <v>3.859734777923652E-2</v>
      </c>
      <c r="S302" s="89">
        <v>7.763051327727674E-3</v>
      </c>
    </row>
    <row r="303" spans="1:49">
      <c r="A303" s="44" t="s">
        <v>536</v>
      </c>
      <c r="B303" s="198">
        <v>367</v>
      </c>
      <c r="C303" s="200">
        <v>0.24355340032751777</v>
      </c>
      <c r="D303" s="92">
        <v>4.473890795974924E-2</v>
      </c>
      <c r="E303" s="200">
        <v>0.16303397802248107</v>
      </c>
      <c r="F303" s="92">
        <v>3.8696989213084433E-2</v>
      </c>
      <c r="G303" s="200">
        <v>0.5890447699080803</v>
      </c>
      <c r="H303" s="92">
        <v>5.1105417436148888E-2</v>
      </c>
      <c r="I303" s="200">
        <v>4.3678517419204121E-3</v>
      </c>
      <c r="J303" s="92">
        <v>1.0182845630371454E-2</v>
      </c>
      <c r="K303" s="198">
        <v>367</v>
      </c>
      <c r="L303" s="200">
        <v>0.36184634804650434</v>
      </c>
      <c r="M303" s="92">
        <v>4.9940440755276462E-2</v>
      </c>
      <c r="N303" s="200">
        <v>0.13257971745331443</v>
      </c>
      <c r="O303" s="92">
        <v>3.5652961012805136E-2</v>
      </c>
      <c r="P303" s="200">
        <v>0.49059231266641395</v>
      </c>
      <c r="Q303" s="257">
        <v>5.1908419624136268E-2</v>
      </c>
      <c r="R303" s="200">
        <v>1.4981621833767065E-2</v>
      </c>
      <c r="S303" s="92">
        <v>1.4611758652171599E-2</v>
      </c>
    </row>
    <row r="304" spans="1:49">
      <c r="A304" s="40" t="s">
        <v>537</v>
      </c>
      <c r="B304" s="197">
        <v>85</v>
      </c>
      <c r="C304" s="199">
        <v>0.249061813711837</v>
      </c>
      <c r="D304" s="89">
        <v>9.3029668573795021E-2</v>
      </c>
      <c r="E304" s="199">
        <v>0.15279422420773667</v>
      </c>
      <c r="F304" s="89">
        <v>7.9334524931317388E-2</v>
      </c>
      <c r="G304" s="199">
        <v>0.59814396208042708</v>
      </c>
      <c r="H304" s="89">
        <v>0.10412052764849294</v>
      </c>
      <c r="I304" s="199">
        <v>0</v>
      </c>
      <c r="J304" s="89">
        <v>3.1420971575578778E-2</v>
      </c>
      <c r="K304" s="197">
        <v>85</v>
      </c>
      <c r="L304" s="199">
        <v>0.2336412248447674</v>
      </c>
      <c r="M304" s="89">
        <v>9.1255155776650845E-2</v>
      </c>
      <c r="N304" s="199">
        <v>0.12645721391521547</v>
      </c>
      <c r="O304" s="89">
        <v>7.4268367432451299E-2</v>
      </c>
      <c r="P304" s="199">
        <v>0.63759894527380745</v>
      </c>
      <c r="Q304" s="256">
        <v>0.10227308026648189</v>
      </c>
      <c r="R304" s="199">
        <v>2.3026159662102434E-3</v>
      </c>
      <c r="S304" s="89">
        <v>3.2885485762833323E-2</v>
      </c>
    </row>
    <row r="305" spans="1:19">
      <c r="A305" s="44" t="s">
        <v>538</v>
      </c>
      <c r="B305" s="198">
        <v>64</v>
      </c>
      <c r="C305" s="200">
        <v>0.38370660665644379</v>
      </c>
      <c r="D305" s="92">
        <v>0.11832659865794715</v>
      </c>
      <c r="E305" s="200">
        <v>0.12184394539710341</v>
      </c>
      <c r="F305" s="92">
        <v>8.5173506876018018E-2</v>
      </c>
      <c r="G305" s="200">
        <v>0.49444944794645229</v>
      </c>
      <c r="H305" s="92">
        <v>0.12126119337348119</v>
      </c>
      <c r="I305" s="200">
        <v>0</v>
      </c>
      <c r="J305" s="92">
        <v>4.097826741289623E-2</v>
      </c>
      <c r="K305" s="198">
        <v>64</v>
      </c>
      <c r="L305" s="200">
        <v>0.49186191960237891</v>
      </c>
      <c r="M305" s="92">
        <v>0.12125358310157063</v>
      </c>
      <c r="N305" s="200">
        <v>8.569022841542609E-2</v>
      </c>
      <c r="O305" s="92">
        <v>7.5905468128976403E-2</v>
      </c>
      <c r="P305" s="200">
        <v>0.40649829309153018</v>
      </c>
      <c r="Q305" s="257">
        <v>0.11937477249822522</v>
      </c>
      <c r="R305" s="200">
        <v>1.5949558890664232E-2</v>
      </c>
      <c r="S305" s="92">
        <v>4.9970403693742498E-2</v>
      </c>
    </row>
    <row r="306" spans="1:19">
      <c r="A306" s="40" t="s">
        <v>539</v>
      </c>
      <c r="B306" s="197">
        <v>64</v>
      </c>
      <c r="C306" s="199">
        <v>0.20264863335823372</v>
      </c>
      <c r="D306" s="89">
        <v>0.10049241087929282</v>
      </c>
      <c r="E306" s="199">
        <v>0.12454757842416335</v>
      </c>
      <c r="F306" s="89">
        <v>8.579447874156923E-2</v>
      </c>
      <c r="G306" s="199">
        <v>0.65381097657565879</v>
      </c>
      <c r="H306" s="89">
        <v>0.11607391029229339</v>
      </c>
      <c r="I306" s="199">
        <v>1.8992811641944406E-2</v>
      </c>
      <c r="J306" s="89">
        <v>5.147886971529201E-2</v>
      </c>
      <c r="K306" s="197">
        <v>64</v>
      </c>
      <c r="L306" s="199">
        <v>0.21889270079696729</v>
      </c>
      <c r="M306" s="89">
        <v>0.10289968882385095</v>
      </c>
      <c r="N306" s="199">
        <v>0.25837290321628459</v>
      </c>
      <c r="O306" s="89">
        <v>0.10799863607551762</v>
      </c>
      <c r="P306" s="199">
        <v>0.50374158434480365</v>
      </c>
      <c r="Q306" s="256">
        <v>0.1212648048208582</v>
      </c>
      <c r="R306" s="199">
        <v>1.8992811641944406E-2</v>
      </c>
      <c r="S306" s="89">
        <v>5.147886971529201E-2</v>
      </c>
    </row>
    <row r="307" spans="1:19">
      <c r="A307" s="44" t="s">
        <v>540</v>
      </c>
      <c r="B307" s="198">
        <v>77</v>
      </c>
      <c r="C307" s="200">
        <v>8.9939232993691234E-2</v>
      </c>
      <c r="D307" s="92">
        <v>6.9583416218530536E-2</v>
      </c>
      <c r="E307" s="200">
        <v>0.21471350816665372</v>
      </c>
      <c r="F307" s="92">
        <v>9.334695623892092E-2</v>
      </c>
      <c r="G307" s="200">
        <v>0.69385291269870908</v>
      </c>
      <c r="H307" s="92">
        <v>0.10328933534917584</v>
      </c>
      <c r="I307" s="200">
        <v>1.4943461409452721E-3</v>
      </c>
      <c r="J307" s="92">
        <v>3.5437357346137066E-2</v>
      </c>
      <c r="K307" s="198">
        <v>77</v>
      </c>
      <c r="L307" s="200">
        <v>0.45966304960064575</v>
      </c>
      <c r="M307" s="92">
        <v>0.11078388722791228</v>
      </c>
      <c r="N307" s="200">
        <v>4.4407738645578052E-2</v>
      </c>
      <c r="O307" s="92">
        <v>5.5524299105821441E-2</v>
      </c>
      <c r="P307" s="200">
        <v>0.49443486561283012</v>
      </c>
      <c r="Q307" s="257">
        <v>0.11110489151237793</v>
      </c>
      <c r="R307" s="200">
        <v>1.4943461409452721E-3</v>
      </c>
      <c r="S307" s="92">
        <v>3.5437357346137066E-2</v>
      </c>
    </row>
    <row r="308" spans="1:19">
      <c r="A308" s="40" t="s">
        <v>541</v>
      </c>
      <c r="B308" s="197">
        <v>77</v>
      </c>
      <c r="C308" s="199">
        <v>0.28712863751638001</v>
      </c>
      <c r="D308" s="89">
        <v>0.10160459686746763</v>
      </c>
      <c r="E308" s="199">
        <v>0.20594712617267127</v>
      </c>
      <c r="F308" s="89">
        <v>9.2124983261379634E-2</v>
      </c>
      <c r="G308" s="199">
        <v>0.50692423631094963</v>
      </c>
      <c r="H308" s="89">
        <v>0.11110148254805779</v>
      </c>
      <c r="I308" s="199">
        <v>0</v>
      </c>
      <c r="J308" s="89">
        <v>3.4485061975244265E-2</v>
      </c>
      <c r="K308" s="197">
        <v>77</v>
      </c>
      <c r="L308" s="199">
        <v>0.45521399588190375</v>
      </c>
      <c r="M308" s="89">
        <v>0.11070758385849701</v>
      </c>
      <c r="N308" s="199">
        <v>0.12137170042434618</v>
      </c>
      <c r="O308" s="89">
        <v>7.7124225279479389E-2</v>
      </c>
      <c r="P308" s="199">
        <v>0.38889965341125965</v>
      </c>
      <c r="Q308" s="256">
        <v>0.10860409515813446</v>
      </c>
      <c r="R308" s="199">
        <v>3.4514650282491198E-2</v>
      </c>
      <c r="S308" s="89">
        <v>5.1733003674003894E-2</v>
      </c>
    </row>
    <row r="309" spans="1:19">
      <c r="A309" s="44" t="s">
        <v>542</v>
      </c>
      <c r="B309" s="198">
        <v>604</v>
      </c>
      <c r="C309" s="200">
        <v>0.26633355183780688</v>
      </c>
      <c r="D309" s="92">
        <v>3.5919871438011577E-2</v>
      </c>
      <c r="E309" s="200">
        <v>0.12087394586547991</v>
      </c>
      <c r="F309" s="92">
        <v>2.667401707144914E-2</v>
      </c>
      <c r="G309" s="200">
        <v>0.60692410167166322</v>
      </c>
      <c r="H309" s="92">
        <v>3.9629631784872159E-2</v>
      </c>
      <c r="I309" s="200">
        <v>5.8684006250431867E-3</v>
      </c>
      <c r="J309" s="92">
        <v>7.7102569204841511E-3</v>
      </c>
      <c r="K309" s="198">
        <v>603</v>
      </c>
      <c r="L309" s="200">
        <v>0.36271512124839533</v>
      </c>
      <c r="M309" s="92">
        <v>3.9049703539009266E-2</v>
      </c>
      <c r="N309" s="200">
        <v>0.10881489469566433</v>
      </c>
      <c r="O309" s="92">
        <v>2.5539888048465471E-2</v>
      </c>
      <c r="P309" s="200">
        <v>0.47031535444080658</v>
      </c>
      <c r="Q309" s="257">
        <v>4.0518094243733788E-2</v>
      </c>
      <c r="R309" s="200">
        <v>5.8154629615127781E-2</v>
      </c>
      <c r="S309" s="92">
        <v>1.9438104102179946E-2</v>
      </c>
    </row>
    <row r="310" spans="1:19">
      <c r="A310" s="40" t="s">
        <v>543</v>
      </c>
      <c r="B310" s="197">
        <v>59</v>
      </c>
      <c r="C310" s="199">
        <v>0.22721023375193611</v>
      </c>
      <c r="D310" s="89">
        <v>0.10830151648533157</v>
      </c>
      <c r="E310" s="199">
        <v>7.4549591893222689E-2</v>
      </c>
      <c r="F310" s="89">
        <v>7.6114955726235389E-2</v>
      </c>
      <c r="G310" s="199">
        <v>0.69824017435484154</v>
      </c>
      <c r="H310" s="89">
        <v>0.11698128440556052</v>
      </c>
      <c r="I310" s="199">
        <v>0</v>
      </c>
      <c r="J310" s="89">
        <v>4.4177291598495712E-2</v>
      </c>
      <c r="K310" s="197">
        <v>58</v>
      </c>
      <c r="L310" s="199">
        <v>0.30004049949438916</v>
      </c>
      <c r="M310" s="89">
        <v>0.11777753019205099</v>
      </c>
      <c r="N310" s="199">
        <v>0.1481557483772632</v>
      </c>
      <c r="O310" s="89">
        <v>9.5601261122971293E-2</v>
      </c>
      <c r="P310" s="199">
        <v>0.458523990725138</v>
      </c>
      <c r="Q310" s="256">
        <v>0.12661716474215026</v>
      </c>
      <c r="R310" s="199">
        <v>9.3279761403210232E-2</v>
      </c>
      <c r="S310" s="89">
        <v>8.239746306424027E-2</v>
      </c>
    </row>
    <row r="311" spans="1:19">
      <c r="A311" s="44" t="s">
        <v>550</v>
      </c>
      <c r="B311" s="198">
        <v>106</v>
      </c>
      <c r="C311" s="200">
        <v>0.3020843778163117</v>
      </c>
      <c r="D311" s="92">
        <v>8.813757450841013E-2</v>
      </c>
      <c r="E311" s="200">
        <v>0.14536856307807744</v>
      </c>
      <c r="F311" s="92">
        <v>6.9600595172309446E-2</v>
      </c>
      <c r="G311" s="200">
        <v>0.55254705910561053</v>
      </c>
      <c r="H311" s="92">
        <v>9.4856057358017026E-2</v>
      </c>
      <c r="I311" s="200">
        <v>0</v>
      </c>
      <c r="J311" s="92">
        <v>2.5478147263468021E-2</v>
      </c>
      <c r="K311" s="198">
        <v>107</v>
      </c>
      <c r="L311" s="200">
        <v>0.41133440085516637</v>
      </c>
      <c r="M311" s="92">
        <v>9.3518761132200479E-2</v>
      </c>
      <c r="N311" s="200">
        <v>0.10365026636854308</v>
      </c>
      <c r="O311" s="92">
        <v>6.1226183595179354E-2</v>
      </c>
      <c r="P311" s="200">
        <v>0.46326976900234196</v>
      </c>
      <c r="Q311" s="257">
        <v>9.4677522152507562E-2</v>
      </c>
      <c r="R311" s="200">
        <v>2.1745563773948273E-2</v>
      </c>
      <c r="S311" s="92">
        <v>3.6741375530983111E-2</v>
      </c>
    </row>
    <row r="312" spans="1:19">
      <c r="A312" s="52" t="s">
        <v>544</v>
      </c>
      <c r="B312" s="197">
        <v>119</v>
      </c>
      <c r="C312" s="199">
        <v>0.17472198574525663</v>
      </c>
      <c r="D312" s="89">
        <v>7.0067097558212083E-2</v>
      </c>
      <c r="E312" s="199">
        <v>0.11047999260970777</v>
      </c>
      <c r="F312" s="89">
        <v>5.9258850659836923E-2</v>
      </c>
      <c r="G312" s="199">
        <v>0.6999318856858423</v>
      </c>
      <c r="H312" s="89">
        <v>8.31464221781823E-2</v>
      </c>
      <c r="I312" s="199">
        <v>1.4866135959193642E-2</v>
      </c>
      <c r="J312" s="89">
        <v>3.1080207234542728E-2</v>
      </c>
      <c r="K312" s="197">
        <v>120</v>
      </c>
      <c r="L312" s="199">
        <v>0.26972370044647692</v>
      </c>
      <c r="M312" s="89">
        <v>8.0389927693446148E-2</v>
      </c>
      <c r="N312" s="199">
        <v>0.10600752798028699</v>
      </c>
      <c r="O312" s="89">
        <v>5.8094263045203251E-2</v>
      </c>
      <c r="P312" s="199">
        <v>0.55408063263439511</v>
      </c>
      <c r="Q312" s="256">
        <v>8.9309345146472027E-2</v>
      </c>
      <c r="R312" s="199">
        <v>7.0188138938840974E-2</v>
      </c>
      <c r="S312" s="89">
        <v>4.9834605329595064E-2</v>
      </c>
    </row>
    <row r="313" spans="1:19">
      <c r="A313" s="44" t="s">
        <v>545</v>
      </c>
      <c r="B313" s="198">
        <v>155</v>
      </c>
      <c r="C313" s="200">
        <v>0.24123637682388993</v>
      </c>
      <c r="D313" s="92">
        <v>6.8472644664972826E-2</v>
      </c>
      <c r="E313" s="200">
        <v>0.13045889536035069</v>
      </c>
      <c r="F313" s="92">
        <v>5.4995464562664527E-2</v>
      </c>
      <c r="G313" s="200">
        <v>0.62830472781575974</v>
      </c>
      <c r="H313" s="92">
        <v>7.6783737812561134E-2</v>
      </c>
      <c r="I313" s="200">
        <v>0</v>
      </c>
      <c r="J313" s="92">
        <v>1.7676616229639286E-2</v>
      </c>
      <c r="K313" s="198">
        <v>155</v>
      </c>
      <c r="L313" s="200">
        <v>0.32470010776610164</v>
      </c>
      <c r="M313" s="92">
        <v>7.4529410901603768E-2</v>
      </c>
      <c r="N313" s="200">
        <v>0.12044440856618323</v>
      </c>
      <c r="O313" s="92">
        <v>5.3339968815148513E-2</v>
      </c>
      <c r="P313" s="200">
        <v>0.50566554666392938</v>
      </c>
      <c r="Q313" s="257">
        <v>7.930032021969971E-2</v>
      </c>
      <c r="R313" s="200">
        <v>4.9189937003785766E-2</v>
      </c>
      <c r="S313" s="92">
        <v>3.7823509426899826E-2</v>
      </c>
    </row>
    <row r="314" spans="1:19">
      <c r="A314" s="52" t="s">
        <v>546</v>
      </c>
      <c r="B314" s="197">
        <v>71</v>
      </c>
      <c r="C314" s="199">
        <v>0.40098628285321053</v>
      </c>
      <c r="D314" s="89">
        <v>0.11342289655196407</v>
      </c>
      <c r="E314" s="199">
        <v>8.8059841848892817E-2</v>
      </c>
      <c r="F314" s="89">
        <v>7.226742422316533E-2</v>
      </c>
      <c r="G314" s="199">
        <v>0.48920705133211895</v>
      </c>
      <c r="H314" s="89">
        <v>0.11544594262255198</v>
      </c>
      <c r="I314" s="199">
        <v>2.1746823965776953E-2</v>
      </c>
      <c r="J314" s="89">
        <v>4.9001089313367364E-2</v>
      </c>
      <c r="K314" s="197">
        <v>69</v>
      </c>
      <c r="L314" s="199">
        <v>0.50567678690919882</v>
      </c>
      <c r="M314" s="89">
        <v>0.117034407524835</v>
      </c>
      <c r="N314" s="199">
        <v>9.3947065363019125E-2</v>
      </c>
      <c r="O314" s="89">
        <v>7.5014119233137388E-2</v>
      </c>
      <c r="P314" s="199">
        <v>0.35055873286403172</v>
      </c>
      <c r="Q314" s="256">
        <v>0.11227355864233764</v>
      </c>
      <c r="R314" s="199">
        <v>4.9817414863749868E-2</v>
      </c>
      <c r="S314" s="89">
        <v>6.1460286960183505E-2</v>
      </c>
    </row>
    <row r="315" spans="1:19">
      <c r="A315" s="44" t="s">
        <v>547</v>
      </c>
      <c r="B315" s="198">
        <v>94</v>
      </c>
      <c r="C315" s="200">
        <v>0.31380245725883504</v>
      </c>
      <c r="D315" s="92">
        <v>9.4351250362451206E-2</v>
      </c>
      <c r="E315" s="200">
        <v>0.14668054340733186</v>
      </c>
      <c r="F315" s="92">
        <v>7.4271419845600428E-2</v>
      </c>
      <c r="G315" s="200">
        <v>0.53951699933383157</v>
      </c>
      <c r="H315" s="92">
        <v>0.10072457539962068</v>
      </c>
      <c r="I315" s="200">
        <v>0</v>
      </c>
      <c r="J315" s="92">
        <v>2.8565478049949598E-2</v>
      </c>
      <c r="K315" s="198">
        <v>94</v>
      </c>
      <c r="L315" s="200">
        <v>0.43227981244294023</v>
      </c>
      <c r="M315" s="92">
        <v>0.10015920088715619</v>
      </c>
      <c r="N315" s="200">
        <v>8.2288565103967884E-2</v>
      </c>
      <c r="O315" s="92">
        <v>6.043041905724273E-2</v>
      </c>
      <c r="P315" s="200">
        <v>0.38271015343702297</v>
      </c>
      <c r="Q315" s="257">
        <v>9.8424981516362559E-2</v>
      </c>
      <c r="R315" s="200">
        <v>0.10272146901606767</v>
      </c>
      <c r="S315" s="92">
        <v>6.5400158677076548E-2</v>
      </c>
    </row>
    <row r="316" spans="1:19">
      <c r="A316" s="52" t="s">
        <v>551</v>
      </c>
      <c r="B316" s="197">
        <v>753</v>
      </c>
      <c r="C316" s="199">
        <v>0.11501266053359904</v>
      </c>
      <c r="D316" s="89">
        <v>2.3368503188565603E-2</v>
      </c>
      <c r="E316" s="199">
        <v>8.8194353833529249E-2</v>
      </c>
      <c r="F316" s="89">
        <v>2.0841420853831664E-2</v>
      </c>
      <c r="G316" s="199">
        <v>0.77110433459903771</v>
      </c>
      <c r="H316" s="89">
        <v>3.0606127998307066E-2</v>
      </c>
      <c r="I316" s="199">
        <v>2.5688651033832131E-2</v>
      </c>
      <c r="J316" s="89">
        <v>1.2032533227271535E-2</v>
      </c>
      <c r="K316" s="197">
        <v>754</v>
      </c>
      <c r="L316" s="199">
        <v>0.21271387481617038</v>
      </c>
      <c r="M316" s="89">
        <v>2.9804592091348479E-2</v>
      </c>
      <c r="N316" s="199">
        <v>0.10214233783708151</v>
      </c>
      <c r="O316" s="89">
        <v>2.2197897064189755E-2</v>
      </c>
      <c r="P316" s="199">
        <v>0.658280230839009</v>
      </c>
      <c r="Q316" s="256">
        <v>3.4473888141430327E-2</v>
      </c>
      <c r="R316" s="199">
        <v>2.6863556507738293E-2</v>
      </c>
      <c r="S316" s="89">
        <v>1.2263227832210965E-2</v>
      </c>
    </row>
    <row r="317" spans="1:19">
      <c r="A317" s="44" t="s">
        <v>552</v>
      </c>
      <c r="B317" s="198">
        <v>208</v>
      </c>
      <c r="C317" s="200">
        <v>0.10187307994020321</v>
      </c>
      <c r="D317" s="92">
        <v>4.2873189578729452E-2</v>
      </c>
      <c r="E317" s="200">
        <v>8.5498654952035041E-2</v>
      </c>
      <c r="F317" s="92">
        <v>3.9955380323399195E-2</v>
      </c>
      <c r="G317" s="200">
        <v>0.79844082057256538</v>
      </c>
      <c r="H317" s="92">
        <v>5.5671269799014225E-2</v>
      </c>
      <c r="I317" s="200">
        <v>1.4187444535196089E-2</v>
      </c>
      <c r="J317" s="92">
        <v>2.0744775640425674E-2</v>
      </c>
      <c r="K317" s="198">
        <v>211</v>
      </c>
      <c r="L317" s="200">
        <v>0.23965719500142832</v>
      </c>
      <c r="M317" s="92">
        <v>5.862298138741278E-2</v>
      </c>
      <c r="N317" s="200">
        <v>8.4146533985634542E-2</v>
      </c>
      <c r="O317" s="92">
        <v>3.9400340925945632E-2</v>
      </c>
      <c r="P317" s="200">
        <v>0.65892253745706753</v>
      </c>
      <c r="Q317" s="257">
        <v>6.4796591503561776E-2</v>
      </c>
      <c r="R317" s="200">
        <v>1.7273733555869589E-2</v>
      </c>
      <c r="S317" s="92">
        <v>2.1809056681698788E-2</v>
      </c>
    </row>
    <row r="318" spans="1:19">
      <c r="A318" s="52" t="s">
        <v>553</v>
      </c>
      <c r="B318" s="197">
        <v>273</v>
      </c>
      <c r="C318" s="199">
        <v>0.13123081364625391</v>
      </c>
      <c r="D318" s="89">
        <v>4.1263170385052089E-2</v>
      </c>
      <c r="E318" s="199">
        <v>7.2103006857684893E-2</v>
      </c>
      <c r="F318" s="89">
        <v>3.2279006914380674E-2</v>
      </c>
      <c r="G318" s="199">
        <v>0.75937511272893365</v>
      </c>
      <c r="H318" s="89">
        <v>5.163793633422175E-2</v>
      </c>
      <c r="I318" s="199">
        <v>3.7291066767128435E-2</v>
      </c>
      <c r="J318" s="89">
        <v>2.4638667758699124E-2</v>
      </c>
      <c r="K318" s="197">
        <v>271</v>
      </c>
      <c r="L318" s="199">
        <v>0.18739240799069914</v>
      </c>
      <c r="M318" s="89">
        <v>4.7497166794378966E-2</v>
      </c>
      <c r="N318" s="199">
        <v>0.11432358333564503</v>
      </c>
      <c r="O318" s="89">
        <v>3.9182444377086463E-2</v>
      </c>
      <c r="P318" s="199">
        <v>0.66678409720097809</v>
      </c>
      <c r="Q318" s="256">
        <v>5.6951194367180859E-2</v>
      </c>
      <c r="R318" s="199">
        <v>3.1499911472678437E-2</v>
      </c>
      <c r="S318" s="89">
        <v>2.3150561903753801E-2</v>
      </c>
    </row>
    <row r="319" spans="1:19">
      <c r="A319" s="44" t="s">
        <v>554</v>
      </c>
      <c r="B319" s="198">
        <v>242</v>
      </c>
      <c r="C319" s="200">
        <v>0.12083887139849031</v>
      </c>
      <c r="D319" s="92">
        <v>4.2459747243438394E-2</v>
      </c>
      <c r="E319" s="200">
        <v>0.10561668579745541</v>
      </c>
      <c r="F319" s="92">
        <v>4.0218676865636981E-2</v>
      </c>
      <c r="G319" s="200">
        <v>0.75259459057897815</v>
      </c>
      <c r="H319" s="92">
        <v>5.5326676726559727E-2</v>
      </c>
      <c r="I319" s="200">
        <v>2.0949852225076292E-2</v>
      </c>
      <c r="J319" s="92">
        <v>2.1304352389361719E-2</v>
      </c>
      <c r="K319" s="198">
        <v>242</v>
      </c>
      <c r="L319" s="200">
        <v>0.23295130770295497</v>
      </c>
      <c r="M319" s="92">
        <v>5.4248049365312176E-2</v>
      </c>
      <c r="N319" s="200">
        <v>9.271587771447308E-2</v>
      </c>
      <c r="O319" s="92">
        <v>3.8141855309830858E-2</v>
      </c>
      <c r="P319" s="200">
        <v>0.64122150149204615</v>
      </c>
      <c r="Q319" s="257">
        <v>6.1247171377211737E-2</v>
      </c>
      <c r="R319" s="200">
        <v>3.3111313090526499E-2</v>
      </c>
      <c r="S319" s="92">
        <v>2.5197194618764646E-2</v>
      </c>
    </row>
    <row r="322" spans="1:10" ht="18.75">
      <c r="A322" s="344" t="s">
        <v>356</v>
      </c>
      <c r="B322" s="344"/>
      <c r="C322" s="344"/>
      <c r="D322" s="344"/>
      <c r="E322" s="224"/>
      <c r="F322" s="224"/>
      <c r="G322" s="224"/>
      <c r="H322" s="224"/>
      <c r="I322" s="224"/>
      <c r="J322" s="238"/>
    </row>
    <row r="323" spans="1:10" ht="147" customHeight="1">
      <c r="A323" s="416" t="s">
        <v>581</v>
      </c>
      <c r="B323" s="416"/>
      <c r="C323" s="416"/>
      <c r="D323" s="416"/>
      <c r="E323" s="260"/>
      <c r="F323" s="260"/>
      <c r="G323" s="260"/>
      <c r="H323" s="260"/>
      <c r="I323" s="260"/>
    </row>
    <row r="324" spans="1:10" ht="36" customHeight="1">
      <c r="A324" s="400" t="s">
        <v>145</v>
      </c>
      <c r="B324" s="400"/>
      <c r="C324" s="400"/>
      <c r="D324" s="400"/>
    </row>
    <row r="325" spans="1:10" ht="40.5" customHeight="1">
      <c r="A325" s="32" t="s">
        <v>71</v>
      </c>
      <c r="B325" s="33" t="s">
        <v>72</v>
      </c>
      <c r="C325" s="34" t="s">
        <v>593</v>
      </c>
      <c r="D325" s="35" t="s">
        <v>73</v>
      </c>
    </row>
    <row r="326" spans="1:10" ht="72">
      <c r="A326" s="36"/>
      <c r="B326" s="37" t="s">
        <v>74</v>
      </c>
      <c r="C326" s="123" t="s">
        <v>146</v>
      </c>
      <c r="D326" s="39" t="s">
        <v>76</v>
      </c>
    </row>
    <row r="327" spans="1:10">
      <c r="A327" s="40" t="s">
        <v>350</v>
      </c>
      <c r="B327" s="201">
        <v>11523</v>
      </c>
      <c r="C327" s="79">
        <v>3.9201570078785295</v>
      </c>
      <c r="D327" s="80">
        <v>2.5636434985028492E-2</v>
      </c>
    </row>
    <row r="328" spans="1:10">
      <c r="A328" s="44" t="s">
        <v>351</v>
      </c>
      <c r="B328" s="44">
        <v>8372</v>
      </c>
      <c r="C328" s="205">
        <v>3.6477619545416866</v>
      </c>
      <c r="D328" s="206">
        <v>2.9306209513935266E-2</v>
      </c>
    </row>
    <row r="329" spans="1:10">
      <c r="A329" s="40" t="s">
        <v>352</v>
      </c>
      <c r="B329" s="48">
        <v>3151</v>
      </c>
      <c r="C329" s="79">
        <v>4.1345471164411531</v>
      </c>
      <c r="D329" s="80">
        <v>5.0877959499426736E-2</v>
      </c>
    </row>
    <row r="330" spans="1:10">
      <c r="A330" s="44" t="s">
        <v>534</v>
      </c>
      <c r="B330" s="44">
        <v>2593</v>
      </c>
      <c r="C330" s="205">
        <v>3.8933049440721752</v>
      </c>
      <c r="D330" s="206">
        <v>5.2010221163860622E-2</v>
      </c>
    </row>
    <row r="331" spans="1:10">
      <c r="A331" s="40" t="s">
        <v>535</v>
      </c>
      <c r="B331" s="48">
        <v>2007</v>
      </c>
      <c r="C331" s="79">
        <v>3.6990566960283138</v>
      </c>
      <c r="D331" s="80">
        <v>5.7920644061368071E-2</v>
      </c>
    </row>
    <row r="332" spans="1:10">
      <c r="A332" s="44" t="s">
        <v>536</v>
      </c>
      <c r="B332" s="44">
        <v>290</v>
      </c>
      <c r="C332" s="205">
        <v>3.4739787195694478</v>
      </c>
      <c r="D332" s="206">
        <v>0.13916477546816081</v>
      </c>
    </row>
    <row r="333" spans="1:10">
      <c r="A333" s="40" t="s">
        <v>537</v>
      </c>
      <c r="B333" s="48">
        <v>68</v>
      </c>
      <c r="C333" s="79">
        <v>3.6560564362584689</v>
      </c>
      <c r="D333" s="80">
        <v>0.30333863769716368</v>
      </c>
    </row>
    <row r="334" spans="1:10">
      <c r="A334" s="44" t="s">
        <v>538</v>
      </c>
      <c r="B334" s="44">
        <v>50</v>
      </c>
      <c r="C334" s="205">
        <v>3.6397962388440019</v>
      </c>
      <c r="D334" s="206">
        <v>0.34571780399626523</v>
      </c>
    </row>
    <row r="335" spans="1:10">
      <c r="A335" s="40" t="s">
        <v>539</v>
      </c>
      <c r="B335" s="48">
        <v>60</v>
      </c>
      <c r="C335" s="79">
        <v>2.7146926735761201</v>
      </c>
      <c r="D335" s="80">
        <v>0.2389605731846221</v>
      </c>
    </row>
    <row r="336" spans="1:10">
      <c r="A336" s="44" t="s">
        <v>540</v>
      </c>
      <c r="B336" s="44">
        <v>46</v>
      </c>
      <c r="C336" s="205">
        <v>3.9659354722800626</v>
      </c>
      <c r="D336" s="206">
        <v>0.32174691020754698</v>
      </c>
    </row>
    <row r="337" spans="1:46">
      <c r="A337" s="40" t="s">
        <v>541</v>
      </c>
      <c r="B337" s="201">
        <v>66</v>
      </c>
      <c r="C337" s="79">
        <v>3.7195871276954171</v>
      </c>
      <c r="D337" s="80">
        <v>0.25130429187441594</v>
      </c>
    </row>
    <row r="338" spans="1:46">
      <c r="A338" s="44" t="s">
        <v>542</v>
      </c>
      <c r="B338" s="204">
        <v>489</v>
      </c>
      <c r="C338" s="205">
        <v>3.4541052779100649</v>
      </c>
      <c r="D338" s="206">
        <v>0.11588527636497699</v>
      </c>
    </row>
    <row r="339" spans="1:46">
      <c r="A339" s="40" t="s">
        <v>543</v>
      </c>
      <c r="B339" s="78">
        <v>44</v>
      </c>
      <c r="C339" s="79">
        <v>4.3112350930872294</v>
      </c>
      <c r="D339" s="80">
        <v>0.36088468053203099</v>
      </c>
    </row>
    <row r="340" spans="1:46">
      <c r="A340" s="44" t="s">
        <v>550</v>
      </c>
      <c r="B340" s="204">
        <v>81</v>
      </c>
      <c r="C340" s="205">
        <v>3.2798684573412924</v>
      </c>
      <c r="D340" s="206">
        <v>0.2697995529377914</v>
      </c>
    </row>
    <row r="341" spans="1:46">
      <c r="A341" s="52" t="s">
        <v>544</v>
      </c>
      <c r="B341" s="201">
        <v>108</v>
      </c>
      <c r="C341" s="79">
        <v>2.7225430589587138</v>
      </c>
      <c r="D341" s="80">
        <v>0.23057841860279765</v>
      </c>
    </row>
    <row r="342" spans="1:46">
      <c r="A342" s="44" t="s">
        <v>545</v>
      </c>
      <c r="B342" s="204">
        <v>124</v>
      </c>
      <c r="C342" s="205">
        <v>3.4551962449383931</v>
      </c>
      <c r="D342" s="206">
        <v>0.223858279043084</v>
      </c>
    </row>
    <row r="343" spans="1:46">
      <c r="A343" s="52" t="s">
        <v>546</v>
      </c>
      <c r="B343" s="201">
        <v>54</v>
      </c>
      <c r="C343" s="79">
        <v>4.1290216958483024</v>
      </c>
      <c r="D343" s="80">
        <v>0.30315064708450778</v>
      </c>
    </row>
    <row r="344" spans="1:46">
      <c r="A344" s="44" t="s">
        <v>547</v>
      </c>
      <c r="B344" s="204">
        <v>78</v>
      </c>
      <c r="C344" s="205">
        <v>3.9545793247442442</v>
      </c>
      <c r="D344" s="206">
        <v>0.25928398428711297</v>
      </c>
    </row>
    <row r="345" spans="1:46">
      <c r="A345" s="52" t="s">
        <v>551</v>
      </c>
      <c r="B345" s="201">
        <v>632</v>
      </c>
      <c r="C345" s="79">
        <v>3.9902649752306609</v>
      </c>
      <c r="D345" s="80">
        <v>0.11129341028824961</v>
      </c>
    </row>
    <row r="346" spans="1:46">
      <c r="A346" s="44" t="s">
        <v>552</v>
      </c>
      <c r="B346" s="204">
        <v>171</v>
      </c>
      <c r="C346" s="205">
        <v>4.4009202164660346</v>
      </c>
      <c r="D346" s="206">
        <v>0.20626825982354072</v>
      </c>
    </row>
    <row r="347" spans="1:46">
      <c r="A347" s="52" t="s">
        <v>553</v>
      </c>
      <c r="B347" s="201">
        <v>224</v>
      </c>
      <c r="C347" s="79">
        <v>3.8157260196849228</v>
      </c>
      <c r="D347" s="80">
        <v>0.19796214289509706</v>
      </c>
    </row>
    <row r="348" spans="1:46">
      <c r="A348" s="44" t="s">
        <v>554</v>
      </c>
      <c r="B348" s="204">
        <v>197</v>
      </c>
      <c r="C348" s="205">
        <v>3.8163568225036988</v>
      </c>
      <c r="D348" s="206">
        <v>0.18924344697557069</v>
      </c>
    </row>
    <row r="351" spans="1:46" ht="18.75">
      <c r="A351" s="344" t="s">
        <v>357</v>
      </c>
      <c r="B351" s="344"/>
      <c r="C351" s="344"/>
      <c r="D351" s="344"/>
      <c r="E351" s="344"/>
      <c r="F351" s="344"/>
      <c r="G351" s="344"/>
      <c r="H351" s="344"/>
      <c r="I351" s="344"/>
      <c r="J351" s="344"/>
      <c r="K351" s="344"/>
      <c r="L351" s="344"/>
      <c r="M351" s="344"/>
      <c r="N351" s="344"/>
      <c r="O351" s="344"/>
      <c r="P351" s="344"/>
      <c r="Q351" s="344"/>
      <c r="R351" s="344"/>
      <c r="S351" s="344"/>
      <c r="T351" s="344"/>
      <c r="U351" s="344"/>
      <c r="V351" s="344"/>
      <c r="W351" s="344"/>
      <c r="X351" s="344"/>
      <c r="Y351" s="344"/>
      <c r="Z351" s="344"/>
      <c r="AA351" s="344"/>
      <c r="AB351" s="344"/>
      <c r="AC351" s="344"/>
      <c r="AD351" s="344"/>
      <c r="AE351" s="344"/>
      <c r="AF351" s="344"/>
      <c r="AG351" s="344"/>
      <c r="AH351" s="344"/>
      <c r="AI351" s="344"/>
      <c r="AJ351" s="344"/>
      <c r="AK351" s="344"/>
      <c r="AL351" s="344"/>
      <c r="AM351" s="344"/>
      <c r="AN351" s="344"/>
      <c r="AO351" s="344"/>
      <c r="AP351" s="344"/>
      <c r="AQ351" s="344"/>
      <c r="AR351" s="344"/>
      <c r="AS351" s="344"/>
      <c r="AT351" s="344"/>
    </row>
    <row r="352" spans="1:46" ht="75" customHeight="1">
      <c r="A352" s="416" t="s">
        <v>608</v>
      </c>
      <c r="B352" s="416"/>
      <c r="C352" s="416"/>
      <c r="D352" s="416"/>
      <c r="E352" s="416"/>
      <c r="F352" s="416"/>
      <c r="G352" s="416"/>
      <c r="H352" s="416"/>
      <c r="I352" s="416"/>
      <c r="J352" s="416"/>
      <c r="K352" s="416"/>
      <c r="L352" s="416"/>
      <c r="M352" s="416"/>
      <c r="N352" s="416"/>
      <c r="O352" s="416"/>
      <c r="P352" s="416"/>
      <c r="Q352" s="416"/>
      <c r="R352" s="416"/>
      <c r="S352" s="416"/>
      <c r="T352" s="416"/>
      <c r="U352" s="416"/>
      <c r="V352" s="416"/>
      <c r="W352" s="416"/>
      <c r="X352" s="416"/>
      <c r="Y352" s="416"/>
      <c r="Z352" s="416"/>
      <c r="AA352" s="416"/>
      <c r="AB352" s="416"/>
      <c r="AC352" s="416"/>
      <c r="AD352" s="416"/>
      <c r="AE352" s="416"/>
      <c r="AF352" s="416"/>
      <c r="AG352" s="416"/>
      <c r="AH352" s="416"/>
      <c r="AI352" s="416"/>
      <c r="AJ352" s="416"/>
      <c r="AK352" s="416"/>
      <c r="AL352" s="416"/>
      <c r="AM352" s="416"/>
      <c r="AN352" s="416"/>
      <c r="AO352" s="416"/>
      <c r="AP352" s="416"/>
      <c r="AQ352" s="416"/>
      <c r="AR352" s="416"/>
      <c r="AS352" s="416"/>
      <c r="AT352" s="416"/>
    </row>
    <row r="353" spans="1:46" ht="32.25" customHeight="1">
      <c r="A353" s="59"/>
      <c r="B353" s="393" t="s">
        <v>291</v>
      </c>
      <c r="C353" s="394"/>
      <c r="D353" s="394"/>
      <c r="E353" s="394"/>
      <c r="F353" s="394"/>
      <c r="G353" s="394"/>
      <c r="H353" s="394"/>
      <c r="I353" s="394"/>
      <c r="J353" s="395"/>
      <c r="K353" s="393" t="s">
        <v>292</v>
      </c>
      <c r="L353" s="394"/>
      <c r="M353" s="394"/>
      <c r="N353" s="394"/>
      <c r="O353" s="394"/>
      <c r="P353" s="394"/>
      <c r="Q353" s="394"/>
      <c r="R353" s="394"/>
      <c r="S353" s="395"/>
      <c r="T353" s="393" t="s">
        <v>293</v>
      </c>
      <c r="U353" s="394"/>
      <c r="V353" s="394"/>
      <c r="W353" s="394"/>
      <c r="X353" s="394"/>
      <c r="Y353" s="394"/>
      <c r="Z353" s="394"/>
      <c r="AA353" s="394"/>
      <c r="AB353" s="395"/>
      <c r="AC353" s="393" t="s">
        <v>294</v>
      </c>
      <c r="AD353" s="394"/>
      <c r="AE353" s="394"/>
      <c r="AF353" s="394"/>
      <c r="AG353" s="394"/>
      <c r="AH353" s="394"/>
      <c r="AI353" s="394"/>
      <c r="AJ353" s="394"/>
      <c r="AK353" s="395"/>
      <c r="AL353" s="393" t="s">
        <v>295</v>
      </c>
      <c r="AM353" s="394"/>
      <c r="AN353" s="394"/>
      <c r="AO353" s="394"/>
      <c r="AP353" s="394"/>
      <c r="AQ353" s="394"/>
      <c r="AR353" s="394"/>
      <c r="AS353" s="394"/>
      <c r="AT353" s="395"/>
    </row>
    <row r="354" spans="1:46" ht="60.75" customHeight="1">
      <c r="A354" s="32" t="s">
        <v>71</v>
      </c>
      <c r="B354" s="33" t="s">
        <v>72</v>
      </c>
      <c r="C354" s="33" t="s">
        <v>229</v>
      </c>
      <c r="D354" s="84" t="s">
        <v>296</v>
      </c>
      <c r="E354" s="33" t="s">
        <v>297</v>
      </c>
      <c r="F354" s="84" t="s">
        <v>270</v>
      </c>
      <c r="G354" s="33" t="s">
        <v>298</v>
      </c>
      <c r="H354" s="84" t="s">
        <v>271</v>
      </c>
      <c r="I354" s="33" t="s">
        <v>301</v>
      </c>
      <c r="J354" s="84" t="s">
        <v>315</v>
      </c>
      <c r="K354" s="60" t="s">
        <v>72</v>
      </c>
      <c r="L354" s="60" t="s">
        <v>346</v>
      </c>
      <c r="M354" s="83" t="s">
        <v>347</v>
      </c>
      <c r="N354" s="60" t="s">
        <v>343</v>
      </c>
      <c r="O354" s="83" t="s">
        <v>345</v>
      </c>
      <c r="P354" s="60" t="s">
        <v>348</v>
      </c>
      <c r="Q354" s="83" t="s">
        <v>349</v>
      </c>
      <c r="R354" s="258" t="s">
        <v>301</v>
      </c>
      <c r="S354" s="83" t="s">
        <v>315</v>
      </c>
      <c r="T354" s="33" t="s">
        <v>72</v>
      </c>
      <c r="U354" s="33" t="s">
        <v>346</v>
      </c>
      <c r="V354" s="84" t="s">
        <v>347</v>
      </c>
      <c r="W354" s="33" t="s">
        <v>343</v>
      </c>
      <c r="X354" s="84" t="s">
        <v>345</v>
      </c>
      <c r="Y354" s="33" t="s">
        <v>348</v>
      </c>
      <c r="Z354" s="84" t="s">
        <v>349</v>
      </c>
      <c r="AA354" s="33" t="s">
        <v>301</v>
      </c>
      <c r="AB354" s="84" t="s">
        <v>315</v>
      </c>
      <c r="AC354" s="60" t="s">
        <v>72</v>
      </c>
      <c r="AD354" s="60" t="s">
        <v>346</v>
      </c>
      <c r="AE354" s="83" t="s">
        <v>347</v>
      </c>
      <c r="AF354" s="60" t="s">
        <v>343</v>
      </c>
      <c r="AG354" s="83" t="s">
        <v>345</v>
      </c>
      <c r="AH354" s="60" t="s">
        <v>348</v>
      </c>
      <c r="AI354" s="83" t="s">
        <v>349</v>
      </c>
      <c r="AJ354" s="60" t="s">
        <v>301</v>
      </c>
      <c r="AK354" s="83" t="s">
        <v>315</v>
      </c>
      <c r="AL354" s="33" t="s">
        <v>72</v>
      </c>
      <c r="AM354" s="33" t="s">
        <v>346</v>
      </c>
      <c r="AN354" s="84" t="s">
        <v>347</v>
      </c>
      <c r="AO354" s="33" t="s">
        <v>343</v>
      </c>
      <c r="AP354" s="84" t="s">
        <v>345</v>
      </c>
      <c r="AQ354" s="33" t="s">
        <v>348</v>
      </c>
      <c r="AR354" s="84" t="s">
        <v>349</v>
      </c>
      <c r="AS354" s="33" t="s">
        <v>301</v>
      </c>
      <c r="AT354" s="84" t="s">
        <v>315</v>
      </c>
    </row>
    <row r="355" spans="1:46" ht="72">
      <c r="A355" s="36"/>
      <c r="B355" s="37" t="s">
        <v>74</v>
      </c>
      <c r="C355" s="37" t="s">
        <v>159</v>
      </c>
      <c r="D355" s="86" t="s">
        <v>88</v>
      </c>
      <c r="E355" s="37" t="s">
        <v>160</v>
      </c>
      <c r="F355" s="86" t="s">
        <v>88</v>
      </c>
      <c r="G355" s="37" t="s">
        <v>161</v>
      </c>
      <c r="H355" s="86" t="s">
        <v>88</v>
      </c>
      <c r="I355" s="37" t="s">
        <v>301</v>
      </c>
      <c r="J355" s="86" t="s">
        <v>88</v>
      </c>
      <c r="K355" s="63" t="s">
        <v>74</v>
      </c>
      <c r="L355" s="63" t="s">
        <v>342</v>
      </c>
      <c r="M355" s="85" t="s">
        <v>88</v>
      </c>
      <c r="N355" s="63" t="s">
        <v>344</v>
      </c>
      <c r="O355" s="85" t="s">
        <v>88</v>
      </c>
      <c r="P355" s="63" t="s">
        <v>159</v>
      </c>
      <c r="Q355" s="85" t="s">
        <v>88</v>
      </c>
      <c r="R355" s="259" t="s">
        <v>301</v>
      </c>
      <c r="S355" s="85" t="s">
        <v>88</v>
      </c>
      <c r="T355" s="37" t="s">
        <v>74</v>
      </c>
      <c r="U355" s="37" t="s">
        <v>342</v>
      </c>
      <c r="V355" s="86" t="s">
        <v>88</v>
      </c>
      <c r="W355" s="37" t="s">
        <v>344</v>
      </c>
      <c r="X355" s="86" t="s">
        <v>88</v>
      </c>
      <c r="Y355" s="37" t="s">
        <v>159</v>
      </c>
      <c r="Z355" s="86" t="s">
        <v>88</v>
      </c>
      <c r="AA355" s="37" t="s">
        <v>301</v>
      </c>
      <c r="AB355" s="86" t="s">
        <v>88</v>
      </c>
      <c r="AC355" s="63" t="s">
        <v>74</v>
      </c>
      <c r="AD355" s="63" t="s">
        <v>342</v>
      </c>
      <c r="AE355" s="85" t="s">
        <v>88</v>
      </c>
      <c r="AF355" s="63" t="s">
        <v>344</v>
      </c>
      <c r="AG355" s="85" t="s">
        <v>88</v>
      </c>
      <c r="AH355" s="63" t="s">
        <v>159</v>
      </c>
      <c r="AI355" s="85" t="s">
        <v>88</v>
      </c>
      <c r="AJ355" s="63" t="s">
        <v>301</v>
      </c>
      <c r="AK355" s="85" t="s">
        <v>88</v>
      </c>
      <c r="AL355" s="37" t="s">
        <v>74</v>
      </c>
      <c r="AM355" s="37" t="s">
        <v>342</v>
      </c>
      <c r="AN355" s="86" t="s">
        <v>88</v>
      </c>
      <c r="AO355" s="37" t="s">
        <v>344</v>
      </c>
      <c r="AP355" s="86" t="s">
        <v>88</v>
      </c>
      <c r="AQ355" s="37" t="s">
        <v>159</v>
      </c>
      <c r="AR355" s="86" t="s">
        <v>88</v>
      </c>
      <c r="AS355" s="37" t="s">
        <v>301</v>
      </c>
      <c r="AT355" s="86" t="s">
        <v>88</v>
      </c>
    </row>
    <row r="356" spans="1:46">
      <c r="A356" s="40" t="s">
        <v>350</v>
      </c>
      <c r="B356" s="201">
        <v>13815</v>
      </c>
      <c r="C356" s="207">
        <v>0.17605007959171437</v>
      </c>
      <c r="D356" s="89">
        <v>6.4811358179529301E-3</v>
      </c>
      <c r="E356" s="207">
        <v>0.16946925553153369</v>
      </c>
      <c r="F356" s="89">
        <v>6.3842891049194304E-3</v>
      </c>
      <c r="G356" s="207">
        <v>0.63870561427551786</v>
      </c>
      <c r="H356" s="89">
        <v>8.1730308757066942E-3</v>
      </c>
      <c r="I356" s="207">
        <v>1.5775050601248168E-2</v>
      </c>
      <c r="J356" s="89">
        <v>2.1291887836995919E-3</v>
      </c>
      <c r="K356" s="201">
        <v>13921</v>
      </c>
      <c r="L356" s="207">
        <v>0.43128119612438104</v>
      </c>
      <c r="M356" s="89">
        <v>8.3939011557169537E-3</v>
      </c>
      <c r="N356" s="207">
        <v>0.1965196850115149</v>
      </c>
      <c r="O356" s="89">
        <v>6.7359024248441375E-3</v>
      </c>
      <c r="P356" s="207">
        <v>0.31453606611118429</v>
      </c>
      <c r="Q356" s="89">
        <v>7.8700922431527674E-3</v>
      </c>
      <c r="R356" s="207">
        <v>5.766305275293792E-2</v>
      </c>
      <c r="S356" s="89">
        <v>3.9548771967590525E-3</v>
      </c>
      <c r="T356" s="201">
        <v>13959</v>
      </c>
      <c r="U356" s="207">
        <v>0.46530097545906712</v>
      </c>
      <c r="V356" s="89">
        <v>8.4423413112719187E-3</v>
      </c>
      <c r="W356" s="207">
        <v>0.14101964844660053</v>
      </c>
      <c r="X356" s="89">
        <v>5.8925645984896653E-3</v>
      </c>
      <c r="Y356" s="207">
        <v>0.2613093717616628</v>
      </c>
      <c r="Z356" s="89">
        <v>7.4368004297950176E-3</v>
      </c>
      <c r="AA356" s="207">
        <v>0.13237000433268897</v>
      </c>
      <c r="AB356" s="89">
        <v>5.7378479356672771E-3</v>
      </c>
      <c r="AC356" s="201">
        <v>13948</v>
      </c>
      <c r="AD356" s="207">
        <v>0.44480379197614073</v>
      </c>
      <c r="AE356" s="89">
        <v>8.4143540884781837E-3</v>
      </c>
      <c r="AF356" s="207">
        <v>0.16659488456625371</v>
      </c>
      <c r="AG356" s="89">
        <v>6.3105951983046978E-3</v>
      </c>
      <c r="AH356" s="207">
        <v>0.25628978034163385</v>
      </c>
      <c r="AI356" s="89">
        <v>7.3929551400165189E-3</v>
      </c>
      <c r="AJ356" s="207">
        <v>0.1323115431159905</v>
      </c>
      <c r="AK356" s="89">
        <v>5.7390379031784225E-3</v>
      </c>
      <c r="AL356" s="201">
        <v>13958</v>
      </c>
      <c r="AM356" s="207">
        <v>0.33216717297934245</v>
      </c>
      <c r="AN356" s="89">
        <v>7.9723106183940337E-3</v>
      </c>
      <c r="AO356" s="207">
        <v>0.17903716103535486</v>
      </c>
      <c r="AP356" s="89">
        <v>6.4904781822776054E-3</v>
      </c>
      <c r="AQ356" s="207">
        <v>0.28159880985013375</v>
      </c>
      <c r="AR356" s="89">
        <v>7.6135015105054148E-3</v>
      </c>
      <c r="AS356" s="207">
        <v>0.2071968561351886</v>
      </c>
      <c r="AT356" s="89">
        <v>6.861125455814774E-3</v>
      </c>
    </row>
    <row r="357" spans="1:46">
      <c r="A357" s="44" t="s">
        <v>351</v>
      </c>
      <c r="B357" s="204">
        <v>10146</v>
      </c>
      <c r="C357" s="208">
        <v>0.17890590456310965</v>
      </c>
      <c r="D357" s="92">
        <v>7.6107217103005302E-3</v>
      </c>
      <c r="E357" s="208">
        <v>0.17435877600897257</v>
      </c>
      <c r="F357" s="92">
        <v>7.53425953443684E-3</v>
      </c>
      <c r="G357" s="208">
        <v>0.63467323718153379</v>
      </c>
      <c r="H357" s="92">
        <v>9.5593023108101489E-3</v>
      </c>
      <c r="I357" s="208">
        <v>1.2062082246376926E-2</v>
      </c>
      <c r="J357" s="92">
        <v>2.184062594288781E-3</v>
      </c>
      <c r="K357" s="204">
        <v>10142</v>
      </c>
      <c r="L357" s="208">
        <v>0.46804500608368454</v>
      </c>
      <c r="M357" s="92">
        <v>9.9075100559377436E-3</v>
      </c>
      <c r="N357" s="208">
        <v>0.18959537622605446</v>
      </c>
      <c r="O357" s="92">
        <v>7.7849300255473609E-3</v>
      </c>
      <c r="P357" s="208">
        <v>0.28124422579891456</v>
      </c>
      <c r="Q357" s="92">
        <v>8.9280285035615893E-3</v>
      </c>
      <c r="R357" s="208">
        <v>6.1115391891346259E-2</v>
      </c>
      <c r="S357" s="92">
        <v>4.7625315480819518E-3</v>
      </c>
      <c r="T357" s="204">
        <v>10176</v>
      </c>
      <c r="U357" s="208">
        <v>0.56522380655885374</v>
      </c>
      <c r="V357" s="92">
        <v>9.8265747207698408E-3</v>
      </c>
      <c r="W357" s="208">
        <v>0.12027747431701769</v>
      </c>
      <c r="X357" s="92">
        <v>6.4513927761144828E-3</v>
      </c>
      <c r="Y357" s="208">
        <v>0.18078926181125976</v>
      </c>
      <c r="Z357" s="92">
        <v>7.630580702799949E-3</v>
      </c>
      <c r="AA357" s="208">
        <v>0.13370945731286588</v>
      </c>
      <c r="AB357" s="92">
        <v>6.7494205460137471E-3</v>
      </c>
      <c r="AC357" s="204">
        <v>10161</v>
      </c>
      <c r="AD357" s="208">
        <v>0.52526685976089205</v>
      </c>
      <c r="AE357" s="92">
        <v>9.9058447500712226E-3</v>
      </c>
      <c r="AF357" s="208">
        <v>0.15841249905892282</v>
      </c>
      <c r="AG357" s="92">
        <v>7.245529966462042E-3</v>
      </c>
      <c r="AH357" s="208">
        <v>0.18203124717061997</v>
      </c>
      <c r="AI357" s="92">
        <v>7.6565588255011431E-3</v>
      </c>
      <c r="AJ357" s="208">
        <v>0.1342893940095623</v>
      </c>
      <c r="AK357" s="92">
        <v>6.7667480904239682E-3</v>
      </c>
      <c r="AL357" s="204">
        <v>10165</v>
      </c>
      <c r="AM357" s="208">
        <v>0.38645328584310518</v>
      </c>
      <c r="AN357" s="92">
        <v>9.6576725982852451E-3</v>
      </c>
      <c r="AO357" s="208">
        <v>0.17138669573291548</v>
      </c>
      <c r="AP357" s="92">
        <v>7.4762740252015646E-3</v>
      </c>
      <c r="AQ357" s="208">
        <v>0.21890347432413532</v>
      </c>
      <c r="AR357" s="92">
        <v>8.2025420700415439E-3</v>
      </c>
      <c r="AS357" s="208">
        <v>0.22325654409984214</v>
      </c>
      <c r="AT357" s="92">
        <v>8.2605162700504671E-3</v>
      </c>
    </row>
    <row r="358" spans="1:46">
      <c r="A358" s="40" t="s">
        <v>352</v>
      </c>
      <c r="B358" s="201">
        <v>3669</v>
      </c>
      <c r="C358" s="207">
        <v>0.1737197336605466</v>
      </c>
      <c r="D358" s="89">
        <v>1.2512903649788814E-2</v>
      </c>
      <c r="E358" s="207">
        <v>0.16547941922711129</v>
      </c>
      <c r="F358" s="89">
        <v>1.2274187699993633E-2</v>
      </c>
      <c r="G358" s="207">
        <v>0.64199602375366893</v>
      </c>
      <c r="H358" s="89">
        <v>1.5822353760000834E-2</v>
      </c>
      <c r="I358" s="207">
        <v>1.8804823358672732E-2</v>
      </c>
      <c r="J358" s="89">
        <v>4.5434351275649449E-3</v>
      </c>
      <c r="K358" s="201">
        <v>3779</v>
      </c>
      <c r="L358" s="207">
        <v>0.40215772574423952</v>
      </c>
      <c r="M358" s="89">
        <v>1.5944893310416271E-2</v>
      </c>
      <c r="N358" s="207">
        <v>0.20200496801235687</v>
      </c>
      <c r="O358" s="89">
        <v>1.3063081311942658E-2</v>
      </c>
      <c r="P358" s="207">
        <v>0.34090911956530839</v>
      </c>
      <c r="Q358" s="89">
        <v>1.5415424161120156E-2</v>
      </c>
      <c r="R358" s="207">
        <v>5.4928186678095001E-2</v>
      </c>
      <c r="S358" s="89">
        <v>7.438514404945311E-3</v>
      </c>
      <c r="T358" s="201">
        <v>3783</v>
      </c>
      <c r="U358" s="207">
        <v>0.38586221827091144</v>
      </c>
      <c r="V358" s="89">
        <v>1.5821825218067829E-2</v>
      </c>
      <c r="W358" s="207">
        <v>0.15750969897957753</v>
      </c>
      <c r="X358" s="89">
        <v>1.1850136162261415E-2</v>
      </c>
      <c r="Y358" s="207">
        <v>0.32532294496320185</v>
      </c>
      <c r="Z358" s="89">
        <v>1.5228298704807647E-2</v>
      </c>
      <c r="AA358" s="207">
        <v>0.13130513778630981</v>
      </c>
      <c r="AB358" s="89">
        <v>1.0990122562692011E-2</v>
      </c>
      <c r="AC358" s="201">
        <v>3787</v>
      </c>
      <c r="AD358" s="207">
        <v>0.38108302459246834</v>
      </c>
      <c r="AE358" s="89">
        <v>1.5776351014167397E-2</v>
      </c>
      <c r="AF358" s="207">
        <v>0.17307472554062964</v>
      </c>
      <c r="AG358" s="89">
        <v>1.2298292518352566E-2</v>
      </c>
      <c r="AH358" s="207">
        <v>0.31509701760853898</v>
      </c>
      <c r="AI358" s="89">
        <v>1.5092539554168909E-2</v>
      </c>
      <c r="AJ358" s="207">
        <v>0.13074523225836387</v>
      </c>
      <c r="AK358" s="89">
        <v>1.0964487741235469E-2</v>
      </c>
      <c r="AL358" s="201">
        <v>3793</v>
      </c>
      <c r="AM358" s="207">
        <v>0.28915283208325138</v>
      </c>
      <c r="AN358" s="89">
        <v>1.4718393877672481E-2</v>
      </c>
      <c r="AO358" s="207">
        <v>0.1850991114158935</v>
      </c>
      <c r="AP358" s="89">
        <v>1.2614343958275053E-2</v>
      </c>
      <c r="AQ358" s="207">
        <v>0.33127631285493792</v>
      </c>
      <c r="AR358" s="89">
        <v>1.5278720826906535E-2</v>
      </c>
      <c r="AS358" s="207">
        <v>0.19447174364591735</v>
      </c>
      <c r="AT358" s="89">
        <v>1.2854365769488301E-2</v>
      </c>
    </row>
    <row r="359" spans="1:46">
      <c r="A359" s="44" t="s">
        <v>534</v>
      </c>
      <c r="B359" s="204">
        <v>3178</v>
      </c>
      <c r="C359" s="208">
        <v>0.17906787556846396</v>
      </c>
      <c r="D359" s="92">
        <v>1.3605807117612827E-2</v>
      </c>
      <c r="E359" s="208">
        <v>0.15177161595678906</v>
      </c>
      <c r="F359" s="92">
        <v>1.2736347534609751E-2</v>
      </c>
      <c r="G359" s="208">
        <v>0.6504176768450779</v>
      </c>
      <c r="H359" s="92">
        <v>1.6908500400671447E-2</v>
      </c>
      <c r="I359" s="208">
        <v>1.874283162966537E-2</v>
      </c>
      <c r="J359" s="92">
        <v>4.8837482992207699E-3</v>
      </c>
      <c r="K359" s="204">
        <v>3191</v>
      </c>
      <c r="L359" s="208">
        <v>0.46694906447179924</v>
      </c>
      <c r="M359" s="92">
        <v>1.7652899911460167E-2</v>
      </c>
      <c r="N359" s="208">
        <v>0.19205842649395946</v>
      </c>
      <c r="O359" s="92">
        <v>1.3948677657648385E-2</v>
      </c>
      <c r="P359" s="208">
        <v>0.28008869591020402</v>
      </c>
      <c r="Q359" s="92">
        <v>1.5893228809589655E-2</v>
      </c>
      <c r="R359" s="208">
        <v>6.0903813124032896E-2</v>
      </c>
      <c r="S359" s="92">
        <v>8.4975927326441554E-3</v>
      </c>
      <c r="T359" s="204">
        <v>3201</v>
      </c>
      <c r="U359" s="208">
        <v>0.4742135851648947</v>
      </c>
      <c r="V359" s="92">
        <v>1.7640427244228433E-2</v>
      </c>
      <c r="W359" s="208">
        <v>0.14218561928763215</v>
      </c>
      <c r="X359" s="92">
        <v>1.2354021142865842E-2</v>
      </c>
      <c r="Y359" s="208">
        <v>0.25402523804244209</v>
      </c>
      <c r="Z359" s="92">
        <v>1.5384711710419689E-2</v>
      </c>
      <c r="AA359" s="208">
        <v>0.12957555750502653</v>
      </c>
      <c r="AB359" s="92">
        <v>1.1882315242407722E-2</v>
      </c>
      <c r="AC359" s="204">
        <v>3195</v>
      </c>
      <c r="AD359" s="208">
        <v>0.45129234818214514</v>
      </c>
      <c r="AE359" s="92">
        <v>1.7596551634656604E-2</v>
      </c>
      <c r="AF359" s="208">
        <v>0.16017113393345439</v>
      </c>
      <c r="AG359" s="92">
        <v>1.2983022584614076E-2</v>
      </c>
      <c r="AH359" s="208">
        <v>0.25116425814733784</v>
      </c>
      <c r="AI359" s="92">
        <v>1.5341706440779828E-2</v>
      </c>
      <c r="AJ359" s="208">
        <v>0.13737225973705852</v>
      </c>
      <c r="AK359" s="92">
        <v>1.2189488928326494E-2</v>
      </c>
      <c r="AL359" s="204">
        <v>3203</v>
      </c>
      <c r="AM359" s="208">
        <v>0.31415012030658551</v>
      </c>
      <c r="AN359" s="92">
        <v>1.6396472673116443E-2</v>
      </c>
      <c r="AO359" s="208">
        <v>0.18475605147699223</v>
      </c>
      <c r="AP359" s="92">
        <v>1.3717675518561727E-2</v>
      </c>
      <c r="AQ359" s="208">
        <v>0.26991227001045287</v>
      </c>
      <c r="AR359" s="92">
        <v>1.5682840983277685E-2</v>
      </c>
      <c r="AS359" s="208">
        <v>0.23118155820596642</v>
      </c>
      <c r="AT359" s="92">
        <v>1.4896662944233117E-2</v>
      </c>
    </row>
    <row r="360" spans="1:46">
      <c r="A360" s="40" t="s">
        <v>535</v>
      </c>
      <c r="B360" s="201">
        <v>2500</v>
      </c>
      <c r="C360" s="207">
        <v>0.11573592935676831</v>
      </c>
      <c r="D360" s="89">
        <v>1.2815507080930207E-2</v>
      </c>
      <c r="E360" s="207">
        <v>0.16277657195460876</v>
      </c>
      <c r="F360" s="89">
        <v>1.4774308010440555E-2</v>
      </c>
      <c r="G360" s="207">
        <v>0.71205152581470244</v>
      </c>
      <c r="H360" s="89">
        <v>1.8104140371409626E-2</v>
      </c>
      <c r="I360" s="207">
        <v>9.435972873922515E-3</v>
      </c>
      <c r="J360" s="89">
        <v>4.0197556902002779E-3</v>
      </c>
      <c r="K360" s="201">
        <v>2489</v>
      </c>
      <c r="L360" s="207">
        <v>0.43603735411522027</v>
      </c>
      <c r="M360" s="89">
        <v>1.9864034346300158E-2</v>
      </c>
      <c r="N360" s="207">
        <v>0.18995694055897488</v>
      </c>
      <c r="O360" s="89">
        <v>1.5728417258720664E-2</v>
      </c>
      <c r="P360" s="207">
        <v>0.29896267580509933</v>
      </c>
      <c r="Q360" s="89">
        <v>1.8343497219633218E-2</v>
      </c>
      <c r="R360" s="207">
        <v>7.5043029520707474E-2</v>
      </c>
      <c r="S360" s="89">
        <v>1.0597142097923703E-2</v>
      </c>
      <c r="T360" s="201">
        <v>2504</v>
      </c>
      <c r="U360" s="207">
        <v>0.5748655561636995</v>
      </c>
      <c r="V360" s="89">
        <v>1.9743693098228637E-2</v>
      </c>
      <c r="W360" s="207">
        <v>0.10338511845206994</v>
      </c>
      <c r="X360" s="89">
        <v>1.2191847664492805E-2</v>
      </c>
      <c r="Y360" s="207">
        <v>0.16162762322408419</v>
      </c>
      <c r="Z360" s="89">
        <v>1.4720634080279299E-2</v>
      </c>
      <c r="AA360" s="207">
        <v>0.16012170216014807</v>
      </c>
      <c r="AB360" s="89">
        <v>1.466537573611576E-2</v>
      </c>
      <c r="AC360" s="201">
        <v>2497</v>
      </c>
      <c r="AD360" s="207">
        <v>0.52468557676287497</v>
      </c>
      <c r="AE360" s="89">
        <v>1.9971694082533579E-2</v>
      </c>
      <c r="AF360" s="207">
        <v>0.14495652778350065</v>
      </c>
      <c r="AG360" s="89">
        <v>1.4102329393729839E-2</v>
      </c>
      <c r="AH360" s="207">
        <v>0.16362332844151681</v>
      </c>
      <c r="AI360" s="89">
        <v>1.4813913204551464E-2</v>
      </c>
      <c r="AJ360" s="207">
        <v>0.16673456701210945</v>
      </c>
      <c r="AK360" s="89">
        <v>1.4925599073056739E-2</v>
      </c>
      <c r="AL360" s="201">
        <v>2503</v>
      </c>
      <c r="AM360" s="207">
        <v>0.35699259944200307</v>
      </c>
      <c r="AN360" s="89">
        <v>1.9140447972001363E-2</v>
      </c>
      <c r="AO360" s="207">
        <v>0.14430091666285616</v>
      </c>
      <c r="AP360" s="89">
        <v>1.4059057125234932E-2</v>
      </c>
      <c r="AQ360" s="207">
        <v>0.1918837758567318</v>
      </c>
      <c r="AR360" s="89">
        <v>1.5744626168598279E-2</v>
      </c>
      <c r="AS360" s="207">
        <v>0.30682270803841111</v>
      </c>
      <c r="AT360" s="89">
        <v>1.84263871999681E-2</v>
      </c>
    </row>
    <row r="361" spans="1:46">
      <c r="A361" s="44" t="s">
        <v>536</v>
      </c>
      <c r="B361" s="204">
        <v>365</v>
      </c>
      <c r="C361" s="208">
        <v>0.13461102799285105</v>
      </c>
      <c r="D361" s="92">
        <v>3.5971942846588084E-2</v>
      </c>
      <c r="E361" s="208">
        <v>0.19278941125869384</v>
      </c>
      <c r="F361" s="92">
        <v>4.13402442371461E-2</v>
      </c>
      <c r="G361" s="208">
        <v>0.66155008395942527</v>
      </c>
      <c r="H361" s="92">
        <v>4.9327655486519517E-2</v>
      </c>
      <c r="I361" s="208">
        <v>1.1049476789029037E-2</v>
      </c>
      <c r="J361" s="92">
        <v>1.3203612474841303E-2</v>
      </c>
      <c r="K361" s="204">
        <v>364</v>
      </c>
      <c r="L361" s="208">
        <v>0.46039046394543154</v>
      </c>
      <c r="M361" s="92">
        <v>5.196832293367417E-2</v>
      </c>
      <c r="N361" s="208">
        <v>0.20620763941872247</v>
      </c>
      <c r="O361" s="92">
        <v>4.2420288589960747E-2</v>
      </c>
      <c r="P361" s="208">
        <v>0.26388800604147539</v>
      </c>
      <c r="Q361" s="92">
        <v>4.6092590152220843E-2</v>
      </c>
      <c r="R361" s="208">
        <v>6.9513890594371006E-2</v>
      </c>
      <c r="S361" s="92">
        <v>2.7324235383011035E-2</v>
      </c>
      <c r="T361" s="204">
        <v>366</v>
      </c>
      <c r="U361" s="208">
        <v>0.63518320524797589</v>
      </c>
      <c r="V361" s="92">
        <v>5.0093802768691117E-2</v>
      </c>
      <c r="W361" s="208">
        <v>9.5098676422030723E-2</v>
      </c>
      <c r="X361" s="92">
        <v>3.1119736647617146E-2</v>
      </c>
      <c r="Y361" s="208">
        <v>0.14393493318217354</v>
      </c>
      <c r="Z361" s="92">
        <v>3.6899291766042772E-2</v>
      </c>
      <c r="AA361" s="208">
        <v>0.12578318514781978</v>
      </c>
      <c r="AB361" s="92">
        <v>3.4947568791330354E-2</v>
      </c>
      <c r="AC361" s="204">
        <v>363</v>
      </c>
      <c r="AD361" s="208">
        <v>0.58868674437795898</v>
      </c>
      <c r="AE361" s="92">
        <v>5.1389963773211124E-2</v>
      </c>
      <c r="AF361" s="208">
        <v>0.13356038140175333</v>
      </c>
      <c r="AG361" s="92">
        <v>3.5958361552559361E-2</v>
      </c>
      <c r="AH361" s="208">
        <v>0.13831366886337354</v>
      </c>
      <c r="AI361" s="92">
        <v>3.6467903040048391E-2</v>
      </c>
      <c r="AJ361" s="208">
        <v>0.13943920535691429</v>
      </c>
      <c r="AK361" s="92">
        <v>3.6586554675932095E-2</v>
      </c>
      <c r="AL361" s="204">
        <v>365</v>
      </c>
      <c r="AM361" s="208">
        <v>0.40744575381270037</v>
      </c>
      <c r="AN361" s="92">
        <v>5.1177826319078294E-2</v>
      </c>
      <c r="AO361" s="208">
        <v>0.19091857332916728</v>
      </c>
      <c r="AP361" s="92">
        <v>4.119207252721143E-2</v>
      </c>
      <c r="AQ361" s="208">
        <v>0.14286795885775816</v>
      </c>
      <c r="AR361" s="92">
        <v>3.6840958136836181E-2</v>
      </c>
      <c r="AS361" s="208">
        <v>0.2587677140003744</v>
      </c>
      <c r="AT361" s="92">
        <v>4.5747247551304014E-2</v>
      </c>
    </row>
    <row r="362" spans="1:46">
      <c r="A362" s="40" t="s">
        <v>537</v>
      </c>
      <c r="B362" s="201">
        <v>86</v>
      </c>
      <c r="C362" s="207">
        <v>0.10639343910367248</v>
      </c>
      <c r="D362" s="89">
        <v>6.9454720469231887E-2</v>
      </c>
      <c r="E362" s="207">
        <v>0.2222520712027227</v>
      </c>
      <c r="F362" s="89">
        <v>8.933356756953173E-2</v>
      </c>
      <c r="G362" s="207">
        <v>0.67135448969360556</v>
      </c>
      <c r="H362" s="89">
        <v>9.9596882323553348E-2</v>
      </c>
      <c r="I362" s="207">
        <v>0</v>
      </c>
      <c r="J362" s="89">
        <v>3.1075817723560044E-2</v>
      </c>
      <c r="K362" s="201">
        <v>85</v>
      </c>
      <c r="L362" s="207">
        <v>0.41126039853389623</v>
      </c>
      <c r="M362" s="89">
        <v>0.10446594334343759</v>
      </c>
      <c r="N362" s="207">
        <v>0.22955189413832197</v>
      </c>
      <c r="O362" s="89">
        <v>9.0760744003649821E-2</v>
      </c>
      <c r="P362" s="207">
        <v>0.27064904036941523</v>
      </c>
      <c r="Q362" s="89">
        <v>9.528670908720803E-2</v>
      </c>
      <c r="R362" s="207">
        <v>8.8538666958367179E-2</v>
      </c>
      <c r="S362" s="89">
        <v>6.5540315948556041E-2</v>
      </c>
      <c r="T362" s="201">
        <v>86</v>
      </c>
      <c r="U362" s="207">
        <v>0.62141574005437328</v>
      </c>
      <c r="V362" s="89">
        <v>0.10253226681587951</v>
      </c>
      <c r="W362" s="207">
        <v>3.6374826651081084E-2</v>
      </c>
      <c r="X362" s="89">
        <v>4.8868815358226458E-2</v>
      </c>
      <c r="Y362" s="207">
        <v>0.19469705447236102</v>
      </c>
      <c r="Z362" s="89">
        <v>8.5606675902773738E-2</v>
      </c>
      <c r="AA362" s="207">
        <v>0.14751237882218532</v>
      </c>
      <c r="AB362" s="89">
        <v>7.7903437089889019E-2</v>
      </c>
      <c r="AC362" s="201">
        <v>84</v>
      </c>
      <c r="AD362" s="207">
        <v>0.49848649881389306</v>
      </c>
      <c r="AE362" s="89">
        <v>0.10659991318977895</v>
      </c>
      <c r="AF362" s="207">
        <v>0.17106892868193749</v>
      </c>
      <c r="AG362" s="89">
        <v>8.2961320051575096E-2</v>
      </c>
      <c r="AH362" s="207">
        <v>0.14760434476277023</v>
      </c>
      <c r="AI362" s="89">
        <v>7.886987629643559E-2</v>
      </c>
      <c r="AJ362" s="207">
        <v>0.1828402277413998</v>
      </c>
      <c r="AK362" s="89">
        <v>8.4838462082590563E-2</v>
      </c>
      <c r="AL362" s="201">
        <v>85</v>
      </c>
      <c r="AM362" s="207">
        <v>0.39183127958807645</v>
      </c>
      <c r="AN362" s="89">
        <v>0.10371257200471136</v>
      </c>
      <c r="AO362" s="207">
        <v>0.1747748086244118</v>
      </c>
      <c r="AP362" s="89">
        <v>8.3065553117942309E-2</v>
      </c>
      <c r="AQ362" s="207">
        <v>0.17221353876746628</v>
      </c>
      <c r="AR362" s="89">
        <v>8.2651804942773896E-2</v>
      </c>
      <c r="AS362" s="207">
        <v>0.26118037302004615</v>
      </c>
      <c r="AT362" s="89">
        <v>9.4328306269873652E-2</v>
      </c>
    </row>
    <row r="363" spans="1:46">
      <c r="A363" s="44" t="s">
        <v>538</v>
      </c>
      <c r="B363" s="204">
        <v>63</v>
      </c>
      <c r="C363" s="208">
        <v>0.11461135418003814</v>
      </c>
      <c r="D363" s="92">
        <v>8.4174824667793732E-2</v>
      </c>
      <c r="E363" s="208">
        <v>0.1794604445597846</v>
      </c>
      <c r="F363" s="92">
        <v>9.7477532851237683E-2</v>
      </c>
      <c r="G363" s="208">
        <v>0.70592820126017686</v>
      </c>
      <c r="H363" s="92">
        <v>0.1126362211239845</v>
      </c>
      <c r="I363" s="208">
        <v>0</v>
      </c>
      <c r="J363" s="92">
        <v>4.1580477060619639E-2</v>
      </c>
      <c r="K363" s="204">
        <v>64</v>
      </c>
      <c r="L363" s="208">
        <v>0.21893636611898323</v>
      </c>
      <c r="M363" s="92">
        <v>0.10290590382313458</v>
      </c>
      <c r="N363" s="208">
        <v>0.27808989956968377</v>
      </c>
      <c r="O363" s="92">
        <v>0.11018138393258163</v>
      </c>
      <c r="P363" s="208">
        <v>0.40738111829131496</v>
      </c>
      <c r="Q363" s="92">
        <v>0.1194106278980646</v>
      </c>
      <c r="R363" s="208">
        <v>9.5592616020017396E-2</v>
      </c>
      <c r="S363" s="92">
        <v>7.8638934489017515E-2</v>
      </c>
      <c r="T363" s="204">
        <v>64</v>
      </c>
      <c r="U363" s="208">
        <v>0.51419746918371312</v>
      </c>
      <c r="V363" s="92">
        <v>0.12122449963478948</v>
      </c>
      <c r="W363" s="208">
        <v>0.12463332329550812</v>
      </c>
      <c r="X363" s="92">
        <v>8.5814026540206215E-2</v>
      </c>
      <c r="Y363" s="208">
        <v>0.13874129392540949</v>
      </c>
      <c r="Z363" s="92">
        <v>8.8913185697563915E-2</v>
      </c>
      <c r="AA363" s="208">
        <v>0.22242791359536873</v>
      </c>
      <c r="AB363" s="92">
        <v>0.10339854562516103</v>
      </c>
      <c r="AC363" s="204">
        <v>63</v>
      </c>
      <c r="AD363" s="208">
        <v>0.52160961505067915</v>
      </c>
      <c r="AE363" s="92">
        <v>0.12206851963188549</v>
      </c>
      <c r="AF363" s="208">
        <v>0.12984787516581839</v>
      </c>
      <c r="AG363" s="92">
        <v>8.7710094975358213E-2</v>
      </c>
      <c r="AH363" s="208">
        <v>0.14547785575095823</v>
      </c>
      <c r="AI363" s="92">
        <v>9.1054632936365537E-2</v>
      </c>
      <c r="AJ363" s="208">
        <v>0.2030646540325437</v>
      </c>
      <c r="AK363" s="92">
        <v>0.1013470377296863</v>
      </c>
      <c r="AL363" s="204">
        <v>64</v>
      </c>
      <c r="AM363" s="208">
        <v>0.36385835430058722</v>
      </c>
      <c r="AN363" s="92">
        <v>0.11721821127985434</v>
      </c>
      <c r="AO363" s="208">
        <v>0.15835075438351054</v>
      </c>
      <c r="AP363" s="92">
        <v>9.2864278774926937E-2</v>
      </c>
      <c r="AQ363" s="208">
        <v>0.16190963982207351</v>
      </c>
      <c r="AR363" s="92">
        <v>9.3540506119674613E-2</v>
      </c>
      <c r="AS363" s="208">
        <v>0.31588125149382817</v>
      </c>
      <c r="AT363" s="92">
        <v>0.11375184238867925</v>
      </c>
    </row>
    <row r="364" spans="1:46">
      <c r="A364" s="40" t="s">
        <v>539</v>
      </c>
      <c r="B364" s="201">
        <v>64</v>
      </c>
      <c r="C364" s="207">
        <v>0.2675021334679859</v>
      </c>
      <c r="D364" s="89">
        <v>0.10903780827116642</v>
      </c>
      <c r="E364" s="207">
        <v>0.33231523609083946</v>
      </c>
      <c r="F364" s="89">
        <v>0.11506840584271216</v>
      </c>
      <c r="G364" s="207">
        <v>0.38118981879923014</v>
      </c>
      <c r="H364" s="89">
        <v>0.1181962441804786</v>
      </c>
      <c r="I364" s="207">
        <v>1.8992811641944406E-2</v>
      </c>
      <c r="J364" s="89">
        <v>5.147886971529201E-2</v>
      </c>
      <c r="K364" s="201">
        <v>62</v>
      </c>
      <c r="L364" s="207">
        <v>0.82121402062076332</v>
      </c>
      <c r="M364" s="89">
        <v>9.8149251588343853E-2</v>
      </c>
      <c r="N364" s="207">
        <v>0.11097570126654657</v>
      </c>
      <c r="O364" s="89">
        <v>8.4008816319264948E-2</v>
      </c>
      <c r="P364" s="207">
        <v>4.0512983408707598E-2</v>
      </c>
      <c r="Q364" s="89">
        <v>6.2127678223917397E-2</v>
      </c>
      <c r="R364" s="207">
        <v>2.7297294703982618E-2</v>
      </c>
      <c r="S364" s="89">
        <v>5.6577110113221862E-2</v>
      </c>
      <c r="T364" s="201">
        <v>63</v>
      </c>
      <c r="U364" s="207">
        <v>0.90903694040650251</v>
      </c>
      <c r="V364" s="89">
        <v>7.8062316577934068E-2</v>
      </c>
      <c r="W364" s="207">
        <v>5.5596654773588827E-2</v>
      </c>
      <c r="X364" s="89">
        <v>6.7085668956015254E-2</v>
      </c>
      <c r="Y364" s="207">
        <v>2.0454598322323225E-2</v>
      </c>
      <c r="Z364" s="89">
        <v>5.2787899083383438E-2</v>
      </c>
      <c r="AA364" s="207">
        <v>1.4911806497585299E-2</v>
      </c>
      <c r="AB364" s="89">
        <v>5.0043275204067213E-2</v>
      </c>
      <c r="AC364" s="201">
        <v>63</v>
      </c>
      <c r="AD364" s="207">
        <v>0.85994703130848382</v>
      </c>
      <c r="AE364" s="89">
        <v>8.9924152082038203E-2</v>
      </c>
      <c r="AF364" s="207">
        <v>0.10468656387160773</v>
      </c>
      <c r="AG364" s="89">
        <v>8.1709247086618406E-2</v>
      </c>
      <c r="AH364" s="207">
        <v>2.0454598322323225E-2</v>
      </c>
      <c r="AI364" s="89">
        <v>5.2787899083383438E-2</v>
      </c>
      <c r="AJ364" s="207">
        <v>1.4911806497585299E-2</v>
      </c>
      <c r="AK364" s="89">
        <v>5.0043275204067213E-2</v>
      </c>
      <c r="AL364" s="201">
        <v>63</v>
      </c>
      <c r="AM364" s="207">
        <v>0.61521268328784073</v>
      </c>
      <c r="AN364" s="89">
        <v>0.11926733457803917</v>
      </c>
      <c r="AO364" s="207">
        <v>0.2301051473756647</v>
      </c>
      <c r="AP364" s="89">
        <v>0.10526295006455859</v>
      </c>
      <c r="AQ364" s="207">
        <v>1.204290433566336E-3</v>
      </c>
      <c r="AR364" s="89">
        <v>4.2337086440200775E-2</v>
      </c>
      <c r="AS364" s="207">
        <v>0.15347787890292833</v>
      </c>
      <c r="AT364" s="89">
        <v>9.2666003500326763E-2</v>
      </c>
    </row>
    <row r="365" spans="1:46">
      <c r="A365" s="44" t="s">
        <v>540</v>
      </c>
      <c r="B365" s="204">
        <v>76</v>
      </c>
      <c r="C365" s="208">
        <v>5.1974807602024338E-2</v>
      </c>
      <c r="D365" s="92">
        <v>5.8670379173192282E-2</v>
      </c>
      <c r="E365" s="208">
        <v>8.2653805325963503E-2</v>
      </c>
      <c r="F365" s="92">
        <v>6.8119194723832752E-2</v>
      </c>
      <c r="G365" s="208">
        <v>0.84848147220947956</v>
      </c>
      <c r="H365" s="92">
        <v>8.3785738295028223E-2</v>
      </c>
      <c r="I365" s="208">
        <v>1.6889914862532246E-2</v>
      </c>
      <c r="J365" s="92">
        <v>4.4362536384159761E-2</v>
      </c>
      <c r="K365" s="204">
        <v>76</v>
      </c>
      <c r="L365" s="208">
        <v>0.33733458691746693</v>
      </c>
      <c r="M365" s="92">
        <v>0.10632963297136099</v>
      </c>
      <c r="N365" s="208">
        <v>0.17494494696413271</v>
      </c>
      <c r="O365" s="92">
        <v>8.7932115656767909E-2</v>
      </c>
      <c r="P365" s="208">
        <v>0.36021510889576996</v>
      </c>
      <c r="Q365" s="92">
        <v>0.10778805969531786</v>
      </c>
      <c r="R365" s="208">
        <v>0.12750535722262987</v>
      </c>
      <c r="S365" s="92">
        <v>7.8986102051151655E-2</v>
      </c>
      <c r="T365" s="204">
        <v>76</v>
      </c>
      <c r="U365" s="208">
        <v>0.36221459848529514</v>
      </c>
      <c r="V365" s="92">
        <v>0.10790417109044302</v>
      </c>
      <c r="W365" s="208">
        <v>0.16716874473746171</v>
      </c>
      <c r="X365" s="92">
        <v>8.6609490922510246E-2</v>
      </c>
      <c r="Y365" s="208">
        <v>0.27707330443376399</v>
      </c>
      <c r="Z365" s="92">
        <v>0.10127908934832912</v>
      </c>
      <c r="AA365" s="208">
        <v>0.19354335234347839</v>
      </c>
      <c r="AB365" s="92">
        <v>9.0895847431052029E-2</v>
      </c>
      <c r="AC365" s="204">
        <v>76</v>
      </c>
      <c r="AD365" s="208">
        <v>0.3391991354356953</v>
      </c>
      <c r="AE365" s="92">
        <v>0.10645753413092081</v>
      </c>
      <c r="AF365" s="208">
        <v>0.18273827779849597</v>
      </c>
      <c r="AG365" s="92">
        <v>8.9207304118616437E-2</v>
      </c>
      <c r="AH365" s="208">
        <v>0.24596812212008681</v>
      </c>
      <c r="AI365" s="92">
        <v>9.791825520077356E-2</v>
      </c>
      <c r="AJ365" s="208">
        <v>0.23209446464572095</v>
      </c>
      <c r="AK365" s="92">
        <v>9.6235265956456872E-2</v>
      </c>
      <c r="AL365" s="204">
        <v>76</v>
      </c>
      <c r="AM365" s="208">
        <v>0.30547273017108517</v>
      </c>
      <c r="AN365" s="92">
        <v>0.10388662691050518</v>
      </c>
      <c r="AO365" s="208">
        <v>0.1413656955316866</v>
      </c>
      <c r="AP365" s="92">
        <v>8.1829623511850066E-2</v>
      </c>
      <c r="AQ365" s="208">
        <v>0.17259008769685169</v>
      </c>
      <c r="AR365" s="92">
        <v>8.7536986830252031E-2</v>
      </c>
      <c r="AS365" s="208">
        <v>0.3805714866003756</v>
      </c>
      <c r="AT365" s="92">
        <v>0.10888698022351158</v>
      </c>
    </row>
    <row r="366" spans="1:46">
      <c r="A366" s="40" t="s">
        <v>541</v>
      </c>
      <c r="B366" s="201">
        <v>76</v>
      </c>
      <c r="C366" s="207">
        <v>0.11001387515549353</v>
      </c>
      <c r="D366" s="89">
        <v>7.5079796630638407E-2</v>
      </c>
      <c r="E366" s="207">
        <v>0.11476797157159804</v>
      </c>
      <c r="F366" s="89">
        <v>7.617927754853264E-2</v>
      </c>
      <c r="G366" s="207">
        <v>0.75586907148475657</v>
      </c>
      <c r="H366" s="89">
        <v>9.7702160666338272E-2</v>
      </c>
      <c r="I366" s="207">
        <v>1.9349081788152957E-2</v>
      </c>
      <c r="J366" s="89">
        <v>4.5551982435977884E-2</v>
      </c>
      <c r="K366" s="201">
        <v>77</v>
      </c>
      <c r="L366" s="207">
        <v>0.45402792280391219</v>
      </c>
      <c r="M366" s="89">
        <v>0.11068588592706272</v>
      </c>
      <c r="N366" s="207">
        <v>0.24109957862803316</v>
      </c>
      <c r="O366" s="89">
        <v>9.671832610936483E-2</v>
      </c>
      <c r="P366" s="207">
        <v>0.28204748213621555</v>
      </c>
      <c r="Q366" s="89">
        <v>0.10112271969098317</v>
      </c>
      <c r="R366" s="207">
        <v>2.2825016431839883E-2</v>
      </c>
      <c r="S366" s="89">
        <v>4.6739231441861886E-2</v>
      </c>
      <c r="T366" s="201">
        <v>77</v>
      </c>
      <c r="U366" s="207">
        <v>0.69358137247290896</v>
      </c>
      <c r="V366" s="89">
        <v>0.10331205937953673</v>
      </c>
      <c r="W366" s="207">
        <v>0.11535704860516045</v>
      </c>
      <c r="X366" s="89">
        <v>7.5784413601096112E-2</v>
      </c>
      <c r="Y366" s="207">
        <v>0.11208961562165203</v>
      </c>
      <c r="Z366" s="89">
        <v>7.5037522933219761E-2</v>
      </c>
      <c r="AA366" s="207">
        <v>7.8971963300279599E-2</v>
      </c>
      <c r="AB366" s="89">
        <v>6.6596526466541697E-2</v>
      </c>
      <c r="AC366" s="201">
        <v>77</v>
      </c>
      <c r="AD366" s="207">
        <v>0.66526461400908976</v>
      </c>
      <c r="AE366" s="89">
        <v>0.10548384047535835</v>
      </c>
      <c r="AF366" s="207">
        <v>8.6567216474515596E-2</v>
      </c>
      <c r="AG366" s="89">
        <v>6.8687213327480262E-2</v>
      </c>
      <c r="AH366" s="207">
        <v>0.15542447425377104</v>
      </c>
      <c r="AI366" s="89">
        <v>8.3947310474838305E-2</v>
      </c>
      <c r="AJ366" s="207">
        <v>9.2743695262624493E-2</v>
      </c>
      <c r="AK366" s="89">
        <v>7.0314580657291931E-2</v>
      </c>
      <c r="AL366" s="201">
        <v>77</v>
      </c>
      <c r="AM366" s="207">
        <v>0.33125338644802782</v>
      </c>
      <c r="AN366" s="89">
        <v>0.10523753868977322</v>
      </c>
      <c r="AO366" s="207">
        <v>0.2352168704608274</v>
      </c>
      <c r="AP366" s="89">
        <v>9.6004983152464168E-2</v>
      </c>
      <c r="AQ366" s="207">
        <v>0.21568060561204871</v>
      </c>
      <c r="AR366" s="89">
        <v>9.3478537774506737E-2</v>
      </c>
      <c r="AS366" s="207">
        <v>0.21784913747909671</v>
      </c>
      <c r="AT366" s="89">
        <v>9.3771295164358948E-2</v>
      </c>
    </row>
    <row r="367" spans="1:46">
      <c r="A367" s="44" t="s">
        <v>542</v>
      </c>
      <c r="B367" s="204">
        <v>600</v>
      </c>
      <c r="C367" s="208">
        <v>0.13038791633275917</v>
      </c>
      <c r="D367" s="92">
        <v>2.7619740636865418E-2</v>
      </c>
      <c r="E367" s="208">
        <v>0.16495568026070612</v>
      </c>
      <c r="F367" s="92">
        <v>3.0365019712460101E-2</v>
      </c>
      <c r="G367" s="208">
        <v>0.69710057085786747</v>
      </c>
      <c r="H367" s="92">
        <v>3.7439948616392438E-2</v>
      </c>
      <c r="I367" s="208">
        <v>7.5558325486612078E-3</v>
      </c>
      <c r="J367" s="92">
        <v>8.417910416315906E-3</v>
      </c>
      <c r="K367" s="204">
        <v>600</v>
      </c>
      <c r="L367" s="208">
        <v>0.47243490792029275</v>
      </c>
      <c r="M367" s="92">
        <v>4.0628358966955325E-2</v>
      </c>
      <c r="N367" s="208">
        <v>0.20381804137045789</v>
      </c>
      <c r="O367" s="92">
        <v>3.2899033181539264E-2</v>
      </c>
      <c r="P367" s="208">
        <v>0.2547822888308337</v>
      </c>
      <c r="Q367" s="92">
        <v>3.5533966922113906E-2</v>
      </c>
      <c r="R367" s="208">
        <v>6.8964761878410052E-2</v>
      </c>
      <c r="S367" s="92">
        <v>2.1011080023063868E-2</v>
      </c>
      <c r="T367" s="204">
        <v>606</v>
      </c>
      <c r="U367" s="208">
        <v>0.63167466419707186</v>
      </c>
      <c r="V367" s="92">
        <v>3.9078602902539998E-2</v>
      </c>
      <c r="W367" s="208">
        <v>0.10940036044660063</v>
      </c>
      <c r="X367" s="92">
        <v>2.5533809680001355E-2</v>
      </c>
      <c r="Y367" s="208">
        <v>0.1103952116339196</v>
      </c>
      <c r="Z367" s="92">
        <v>2.5631985049347161E-2</v>
      </c>
      <c r="AA367" s="208">
        <v>0.14852976372240234</v>
      </c>
      <c r="AB367" s="92">
        <v>2.8980880553254949E-2</v>
      </c>
      <c r="AC367" s="204">
        <v>604</v>
      </c>
      <c r="AD367" s="208">
        <v>0.62646253886430681</v>
      </c>
      <c r="AE367" s="92">
        <v>3.9254312978703181E-2</v>
      </c>
      <c r="AF367" s="208">
        <v>0.11902067030620071</v>
      </c>
      <c r="AG367" s="92">
        <v>2.6502020033021004E-2</v>
      </c>
      <c r="AH367" s="208">
        <v>0.10828860756133057</v>
      </c>
      <c r="AI367" s="92">
        <v>2.5465981239177739E-2</v>
      </c>
      <c r="AJ367" s="208">
        <v>0.14622818326815706</v>
      </c>
      <c r="AK367" s="92">
        <v>2.8847016446481764E-2</v>
      </c>
      <c r="AL367" s="204">
        <v>604</v>
      </c>
      <c r="AM367" s="208">
        <v>0.38630044720547035</v>
      </c>
      <c r="AN367" s="92">
        <v>3.9506990720621013E-2</v>
      </c>
      <c r="AO367" s="208">
        <v>0.16006934421130928</v>
      </c>
      <c r="AP367" s="92">
        <v>2.9908036686149581E-2</v>
      </c>
      <c r="AQ367" s="208">
        <v>0.17724731707492186</v>
      </c>
      <c r="AR367" s="92">
        <v>3.1119130767885118E-2</v>
      </c>
      <c r="AS367" s="208">
        <v>0.27638289150829393</v>
      </c>
      <c r="AT367" s="92">
        <v>3.633281645839035E-2</v>
      </c>
    </row>
    <row r="368" spans="1:46">
      <c r="A368" s="40" t="s">
        <v>543</v>
      </c>
      <c r="B368" s="201">
        <v>58</v>
      </c>
      <c r="C368" s="207">
        <v>5.05410320675828E-2</v>
      </c>
      <c r="D368" s="89">
        <v>6.8726681758073879E-2</v>
      </c>
      <c r="E368" s="207">
        <v>5.0385101359802655E-2</v>
      </c>
      <c r="F368" s="89">
        <v>6.8669072189518468E-2</v>
      </c>
      <c r="G368" s="207">
        <v>0.89907386657261457</v>
      </c>
      <c r="H368" s="89">
        <v>8.4482037601124743E-2</v>
      </c>
      <c r="I368" s="207">
        <v>0</v>
      </c>
      <c r="J368" s="89">
        <v>4.4877957654209835E-2</v>
      </c>
      <c r="K368" s="201">
        <v>58</v>
      </c>
      <c r="L368" s="207">
        <v>7.9410522327726871E-2</v>
      </c>
      <c r="M368" s="89">
        <v>7.8367793154726278E-2</v>
      </c>
      <c r="N368" s="207">
        <v>0.29305190457820696</v>
      </c>
      <c r="O368" s="89">
        <v>0.11709393923317131</v>
      </c>
      <c r="P368" s="207">
        <v>0.5471280442846832</v>
      </c>
      <c r="Q368" s="89">
        <v>0.12650546083152545</v>
      </c>
      <c r="R368" s="207">
        <v>8.0409528809383332E-2</v>
      </c>
      <c r="S368" s="89">
        <v>7.8669564881895443E-2</v>
      </c>
      <c r="T368" s="201">
        <v>59</v>
      </c>
      <c r="U368" s="207">
        <v>0.42700546151712238</v>
      </c>
      <c r="V368" s="89">
        <v>0.12480509636480366</v>
      </c>
      <c r="W368" s="207">
        <v>0.1305855021120681</v>
      </c>
      <c r="X368" s="89">
        <v>9.09602909519307E-2</v>
      </c>
      <c r="Y368" s="207">
        <v>0.23829090012462611</v>
      </c>
      <c r="Z368" s="89">
        <v>0.1098135774882877</v>
      </c>
      <c r="AA368" s="207">
        <v>0.20411813624618419</v>
      </c>
      <c r="AB368" s="89">
        <v>0.10487118794581786</v>
      </c>
      <c r="AC368" s="201">
        <v>59</v>
      </c>
      <c r="AD368" s="207">
        <v>0.44676111614139019</v>
      </c>
      <c r="AE368" s="89">
        <v>0.12536020894476557</v>
      </c>
      <c r="AF368" s="207">
        <v>0.1386836377694681</v>
      </c>
      <c r="AG368" s="89">
        <v>9.2753958782681084E-2</v>
      </c>
      <c r="AH368" s="207">
        <v>0.14326265796117804</v>
      </c>
      <c r="AI368" s="89">
        <v>9.3735745138694246E-2</v>
      </c>
      <c r="AJ368" s="207">
        <v>0.27129258812796442</v>
      </c>
      <c r="AK368" s="89">
        <v>0.11384317427152742</v>
      </c>
      <c r="AL368" s="201">
        <v>59</v>
      </c>
      <c r="AM368" s="207">
        <v>0.25638724295020693</v>
      </c>
      <c r="AN368" s="89">
        <v>0.11210814818973198</v>
      </c>
      <c r="AO368" s="207">
        <v>0.1064421665321135</v>
      </c>
      <c r="AP368" s="89">
        <v>8.5135234962442116E-2</v>
      </c>
      <c r="AQ368" s="207">
        <v>0.26238107691715812</v>
      </c>
      <c r="AR368" s="89">
        <v>0.11282223852409028</v>
      </c>
      <c r="AS368" s="207">
        <v>0.37478951360052221</v>
      </c>
      <c r="AT368" s="89">
        <v>0.12247447375026947</v>
      </c>
    </row>
    <row r="369" spans="1:46">
      <c r="A369" s="44" t="s">
        <v>550</v>
      </c>
      <c r="B369" s="204">
        <v>107</v>
      </c>
      <c r="C369" s="208">
        <v>8.3295817450701026E-2</v>
      </c>
      <c r="D369" s="92">
        <v>5.6519756185595363E-2</v>
      </c>
      <c r="E369" s="208">
        <v>0.18715094733017698</v>
      </c>
      <c r="F369" s="92">
        <v>7.5707448059418148E-2</v>
      </c>
      <c r="G369" s="208">
        <v>0.71380406903202986</v>
      </c>
      <c r="H369" s="92">
        <v>8.6477207316926374E-2</v>
      </c>
      <c r="I369" s="208">
        <v>1.5749166187092409E-2</v>
      </c>
      <c r="J369" s="92">
        <v>3.400976549998791E-2</v>
      </c>
      <c r="K369" s="204">
        <v>105</v>
      </c>
      <c r="L369" s="208">
        <v>0.51145086384483829</v>
      </c>
      <c r="M369" s="92">
        <v>9.5759316942484768E-2</v>
      </c>
      <c r="N369" s="208">
        <v>0.21182410401032281</v>
      </c>
      <c r="O369" s="92">
        <v>7.9663947422448825E-2</v>
      </c>
      <c r="P369" s="208">
        <v>0.18935133632285528</v>
      </c>
      <c r="Q369" s="92">
        <v>7.6733832337696165E-2</v>
      </c>
      <c r="R369" s="208">
        <v>8.7373695821983233E-2</v>
      </c>
      <c r="S369" s="92">
        <v>5.8106648684439245E-2</v>
      </c>
      <c r="T369" s="204">
        <v>108</v>
      </c>
      <c r="U369" s="208">
        <v>0.63567197851172175</v>
      </c>
      <c r="V369" s="92">
        <v>9.1199235121698044E-2</v>
      </c>
      <c r="W369" s="208">
        <v>0.10583067741389363</v>
      </c>
      <c r="X369" s="92">
        <v>6.1391654857439623E-2</v>
      </c>
      <c r="Y369" s="208">
        <v>8.70555795090764E-2</v>
      </c>
      <c r="Z369" s="92">
        <v>5.7146310550848053E-2</v>
      </c>
      <c r="AA369" s="208">
        <v>0.17144176456530821</v>
      </c>
      <c r="AB369" s="92">
        <v>7.3100357862849574E-2</v>
      </c>
      <c r="AC369" s="204">
        <v>108</v>
      </c>
      <c r="AD369" s="208">
        <v>0.60422132225440661</v>
      </c>
      <c r="AE369" s="92">
        <v>9.2562705470456724E-2</v>
      </c>
      <c r="AF369" s="208">
        <v>0.11522495466785911</v>
      </c>
      <c r="AG369" s="92">
        <v>6.3339914624701329E-2</v>
      </c>
      <c r="AH369" s="208">
        <v>9.8404455258310139E-2</v>
      </c>
      <c r="AI369" s="92">
        <v>5.977195732561176E-2</v>
      </c>
      <c r="AJ369" s="208">
        <v>0.18214926781942423</v>
      </c>
      <c r="AK369" s="92">
        <v>7.4655975706791028E-2</v>
      </c>
      <c r="AL369" s="204">
        <v>108</v>
      </c>
      <c r="AM369" s="208">
        <v>0.38868745130044546</v>
      </c>
      <c r="AN369" s="92">
        <v>9.2288125464579068E-2</v>
      </c>
      <c r="AO369" s="208">
        <v>0.17641654817480415</v>
      </c>
      <c r="AP369" s="92">
        <v>7.3833600000375046E-2</v>
      </c>
      <c r="AQ369" s="208">
        <v>0.11529089605590957</v>
      </c>
      <c r="AR369" s="92">
        <v>6.3353214823528348E-2</v>
      </c>
      <c r="AS369" s="208">
        <v>0.31960510446884083</v>
      </c>
      <c r="AT369" s="92">
        <v>8.8588258032950409E-2</v>
      </c>
    </row>
    <row r="370" spans="1:46">
      <c r="A370" s="52" t="s">
        <v>544</v>
      </c>
      <c r="B370" s="201">
        <v>117</v>
      </c>
      <c r="C370" s="207">
        <v>0.28288252165804928</v>
      </c>
      <c r="D370" s="89">
        <v>8.250723567919839E-2</v>
      </c>
      <c r="E370" s="207">
        <v>0.23359351108732895</v>
      </c>
      <c r="F370" s="89">
        <v>7.7915490075241789E-2</v>
      </c>
      <c r="G370" s="207">
        <v>0.47598850509576129</v>
      </c>
      <c r="H370" s="89">
        <v>9.0811026595412361E-2</v>
      </c>
      <c r="I370" s="207">
        <v>7.5354621588606509E-3</v>
      </c>
      <c r="J370" s="89">
        <v>2.7722422201268075E-2</v>
      </c>
      <c r="K370" s="201">
        <v>119</v>
      </c>
      <c r="L370" s="207">
        <v>0.72876014978147308</v>
      </c>
      <c r="M370" s="89">
        <v>8.0852592068747481E-2</v>
      </c>
      <c r="N370" s="207">
        <v>0.13782799087984107</v>
      </c>
      <c r="O370" s="89">
        <v>6.4322360004980039E-2</v>
      </c>
      <c r="P370" s="207">
        <v>6.8763701988134363E-2</v>
      </c>
      <c r="Q370" s="89">
        <v>4.9692993143646211E-2</v>
      </c>
      <c r="R370" s="207">
        <v>6.4648157350552113E-2</v>
      </c>
      <c r="S370" s="89">
        <v>4.8588387162835166E-2</v>
      </c>
      <c r="T370" s="201">
        <v>119</v>
      </c>
      <c r="U370" s="207">
        <v>0.826006910562193</v>
      </c>
      <c r="V370" s="89">
        <v>6.996390433932323E-2</v>
      </c>
      <c r="W370" s="207">
        <v>7.3054944927783028E-2</v>
      </c>
      <c r="X370" s="89">
        <v>5.0808388223387069E-2</v>
      </c>
      <c r="Y370" s="207">
        <v>2.4251384530057471E-2</v>
      </c>
      <c r="Z370" s="89">
        <v>3.5220548644346768E-2</v>
      </c>
      <c r="AA370" s="207">
        <v>7.6686759979967128E-2</v>
      </c>
      <c r="AB370" s="89">
        <v>5.1725130625908465E-2</v>
      </c>
      <c r="AC370" s="201">
        <v>119</v>
      </c>
      <c r="AD370" s="207">
        <v>0.8242163225042346</v>
      </c>
      <c r="AE370" s="89">
        <v>7.0216722779864238E-2</v>
      </c>
      <c r="AF370" s="207">
        <v>7.3217840186351968E-2</v>
      </c>
      <c r="AG370" s="89">
        <v>5.0850029381919105E-2</v>
      </c>
      <c r="AH370" s="207">
        <v>7.1826653391077647E-2</v>
      </c>
      <c r="AI370" s="89">
        <v>5.0492777428655634E-2</v>
      </c>
      <c r="AJ370" s="207">
        <v>3.073918391833631E-2</v>
      </c>
      <c r="AK370" s="89">
        <v>3.7777149725369163E-2</v>
      </c>
      <c r="AL370" s="201">
        <v>119</v>
      </c>
      <c r="AM370" s="207">
        <v>0.60376563037589615</v>
      </c>
      <c r="AN370" s="89">
        <v>8.8330793522850462E-2</v>
      </c>
      <c r="AO370" s="207">
        <v>0.15536832089099639</v>
      </c>
      <c r="AP370" s="89">
        <v>6.7191835461488728E-2</v>
      </c>
      <c r="AQ370" s="207">
        <v>9.0969145563581308E-2</v>
      </c>
      <c r="AR370" s="89">
        <v>5.5112163076479925E-2</v>
      </c>
      <c r="AS370" s="207">
        <v>0.14989690316952653</v>
      </c>
      <c r="AT370" s="89">
        <v>6.6325231424095257E-2</v>
      </c>
    </row>
    <row r="371" spans="1:46">
      <c r="A371" s="44" t="s">
        <v>545</v>
      </c>
      <c r="B371" s="204">
        <v>152</v>
      </c>
      <c r="C371" s="208">
        <v>0.11686455189172661</v>
      </c>
      <c r="D371" s="92">
        <v>5.3262425333964816E-2</v>
      </c>
      <c r="E371" s="208">
        <v>0.11968342212067701</v>
      </c>
      <c r="F371" s="92">
        <v>5.3751965154991657E-2</v>
      </c>
      <c r="G371" s="208">
        <v>0.76309761502558582</v>
      </c>
      <c r="H371" s="92">
        <v>6.874029479240952E-2</v>
      </c>
      <c r="I371" s="208">
        <v>3.5441096201121861E-4</v>
      </c>
      <c r="J371" s="92">
        <v>1.8252149206714807E-2</v>
      </c>
      <c r="K371" s="204">
        <v>155</v>
      </c>
      <c r="L371" s="208">
        <v>0.47868649284939779</v>
      </c>
      <c r="M371" s="92">
        <v>7.9236657396284882E-2</v>
      </c>
      <c r="N371" s="208">
        <v>0.18183963494427935</v>
      </c>
      <c r="O371" s="92">
        <v>6.2203369141214028E-2</v>
      </c>
      <c r="P371" s="208">
        <v>0.28030524396403961</v>
      </c>
      <c r="Q371" s="92">
        <v>7.166170255578945E-2</v>
      </c>
      <c r="R371" s="208">
        <v>5.9168628242283382E-2</v>
      </c>
      <c r="S371" s="92">
        <v>4.0538028458957404E-2</v>
      </c>
      <c r="T371" s="204">
        <v>154</v>
      </c>
      <c r="U371" s="208">
        <v>0.68278894077615448</v>
      </c>
      <c r="V371" s="92">
        <v>7.4333924192887521E-2</v>
      </c>
      <c r="W371" s="208">
        <v>9.6119701775933666E-2</v>
      </c>
      <c r="X371" s="92">
        <v>4.9050571329182904E-2</v>
      </c>
      <c r="Y371" s="208">
        <v>6.9174056827099248E-2</v>
      </c>
      <c r="Z371" s="92">
        <v>4.3185812639136512E-2</v>
      </c>
      <c r="AA371" s="208">
        <v>0.15191730062081285</v>
      </c>
      <c r="AB371" s="92">
        <v>5.8438660253518751E-2</v>
      </c>
      <c r="AC371" s="204">
        <v>153</v>
      </c>
      <c r="AD371" s="208">
        <v>0.68192346158674466</v>
      </c>
      <c r="AE371" s="92">
        <v>7.4623265917009102E-2</v>
      </c>
      <c r="AF371" s="208">
        <v>9.7512431669490876E-2</v>
      </c>
      <c r="AG371" s="92">
        <v>4.949507831050947E-2</v>
      </c>
      <c r="AH371" s="208">
        <v>8.4317574009564231E-2</v>
      </c>
      <c r="AI371" s="92">
        <v>4.6781955506140727E-2</v>
      </c>
      <c r="AJ371" s="208">
        <v>0.13624653273420026</v>
      </c>
      <c r="AK371" s="92">
        <v>5.628403240664618E-2</v>
      </c>
      <c r="AL371" s="204">
        <v>152</v>
      </c>
      <c r="AM371" s="208">
        <v>0.42204986226725183</v>
      </c>
      <c r="AN371" s="92">
        <v>7.9134967856650543E-2</v>
      </c>
      <c r="AO371" s="208">
        <v>0.19236633680819845</v>
      </c>
      <c r="AP371" s="92">
        <v>6.4081791278217962E-2</v>
      </c>
      <c r="AQ371" s="208">
        <v>0.16224598359234246</v>
      </c>
      <c r="AR371" s="92">
        <v>6.0276577267025518E-2</v>
      </c>
      <c r="AS371" s="208">
        <v>0.22333781733220703</v>
      </c>
      <c r="AT371" s="92">
        <v>6.7431435665847833E-2</v>
      </c>
    </row>
    <row r="372" spans="1:46">
      <c r="A372" s="52" t="s">
        <v>546</v>
      </c>
      <c r="B372" s="201">
        <v>72</v>
      </c>
      <c r="C372" s="207">
        <v>8.7946827974189803E-2</v>
      </c>
      <c r="D372" s="89">
        <v>7.1677001672583174E-2</v>
      </c>
      <c r="E372" s="207">
        <v>0.1188313783470268</v>
      </c>
      <c r="F372" s="89">
        <v>7.933992534315458E-2</v>
      </c>
      <c r="G372" s="207">
        <v>0.77193782836008529</v>
      </c>
      <c r="H372" s="89">
        <v>9.8309179068138824E-2</v>
      </c>
      <c r="I372" s="207">
        <v>2.1283965318697536E-2</v>
      </c>
      <c r="J372" s="89">
        <v>4.8296887709760622E-2</v>
      </c>
      <c r="K372" s="201">
        <v>70</v>
      </c>
      <c r="L372" s="207">
        <v>0.26722367692791255</v>
      </c>
      <c r="M372" s="89">
        <v>0.10436802917854709</v>
      </c>
      <c r="N372" s="207">
        <v>0.27572050587199221</v>
      </c>
      <c r="O372" s="89">
        <v>0.10526407297786088</v>
      </c>
      <c r="P372" s="207">
        <v>0.37394597290336618</v>
      </c>
      <c r="Q372" s="89">
        <v>0.11289357625015113</v>
      </c>
      <c r="R372" s="207">
        <v>8.3109844296728741E-2</v>
      </c>
      <c r="S372" s="89">
        <v>7.1464864949172285E-2</v>
      </c>
      <c r="T372" s="201">
        <v>72</v>
      </c>
      <c r="U372" s="207">
        <v>0.4267766450854607</v>
      </c>
      <c r="V372" s="89">
        <v>0.11359852512112638</v>
      </c>
      <c r="W372" s="207">
        <v>0.18439095332689026</v>
      </c>
      <c r="X372" s="89">
        <v>9.193824287463441E-2</v>
      </c>
      <c r="Y372" s="207">
        <v>0.19944108508264941</v>
      </c>
      <c r="Z372" s="89">
        <v>9.4290457841002775E-2</v>
      </c>
      <c r="AA372" s="207">
        <v>0.18939131650499907</v>
      </c>
      <c r="AB372" s="89">
        <v>9.2739177953099439E-2</v>
      </c>
      <c r="AC372" s="201">
        <v>72</v>
      </c>
      <c r="AD372" s="207">
        <v>0.52285720962739402</v>
      </c>
      <c r="AE372" s="89">
        <v>0.11460024241804879</v>
      </c>
      <c r="AF372" s="207">
        <v>0.12032764276958406</v>
      </c>
      <c r="AG372" s="89">
        <v>7.9678099252850215E-2</v>
      </c>
      <c r="AH372" s="207">
        <v>0.1785421921793193</v>
      </c>
      <c r="AI372" s="89">
        <v>9.0975998049324283E-2</v>
      </c>
      <c r="AJ372" s="207">
        <v>0.17827295542370186</v>
      </c>
      <c r="AK372" s="89">
        <v>9.0931029913361716E-2</v>
      </c>
      <c r="AL372" s="201">
        <v>72</v>
      </c>
      <c r="AM372" s="207">
        <v>0.22005480955592005</v>
      </c>
      <c r="AN372" s="89">
        <v>9.7241696131174504E-2</v>
      </c>
      <c r="AO372" s="207">
        <v>7.7954212676890372E-2</v>
      </c>
      <c r="AP372" s="89">
        <v>6.8875819277845432E-2</v>
      </c>
      <c r="AQ372" s="207">
        <v>0.31012138312004539</v>
      </c>
      <c r="AR372" s="89">
        <v>0.10702714481278931</v>
      </c>
      <c r="AS372" s="207">
        <v>0.3918695946471436</v>
      </c>
      <c r="AT372" s="89">
        <v>0.1122746124429321</v>
      </c>
    </row>
    <row r="373" spans="1:46">
      <c r="A373" s="44" t="s">
        <v>547</v>
      </c>
      <c r="B373" s="204">
        <v>94</v>
      </c>
      <c r="C373" s="208">
        <v>7.314843243323782E-2</v>
      </c>
      <c r="D373" s="92">
        <v>5.7982351025320671E-2</v>
      </c>
      <c r="E373" s="208">
        <v>0.24080310289647897</v>
      </c>
      <c r="F373" s="92">
        <v>8.7642449072907483E-2</v>
      </c>
      <c r="G373" s="208">
        <v>0.68604846467028124</v>
      </c>
      <c r="H373" s="92">
        <v>9.436229313722562E-2</v>
      </c>
      <c r="I373" s="208">
        <v>0</v>
      </c>
      <c r="J373" s="92">
        <v>2.8565478049949598E-2</v>
      </c>
      <c r="K373" s="204">
        <v>93</v>
      </c>
      <c r="L373" s="208">
        <v>0.43535264863793238</v>
      </c>
      <c r="M373" s="92">
        <v>0.10075146433929182</v>
      </c>
      <c r="N373" s="208">
        <v>0.21688830204042295</v>
      </c>
      <c r="O373" s="92">
        <v>8.5270209958644566E-2</v>
      </c>
      <c r="P373" s="208">
        <v>0.30502476601735984</v>
      </c>
      <c r="Q373" s="92">
        <v>9.4171438091177825E-2</v>
      </c>
      <c r="R373" s="208">
        <v>4.2734283304283617E-2</v>
      </c>
      <c r="S373" s="92">
        <v>4.8819971966493923E-2</v>
      </c>
      <c r="T373" s="204">
        <v>94</v>
      </c>
      <c r="U373" s="208">
        <v>0.53858318464763211</v>
      </c>
      <c r="V373" s="92">
        <v>0.10073816965677823</v>
      </c>
      <c r="W373" s="208">
        <v>0.1125929997751462</v>
      </c>
      <c r="X373" s="92">
        <v>6.7587449070390562E-2</v>
      </c>
      <c r="Y373" s="208">
        <v>0.20536194684932516</v>
      </c>
      <c r="Z373" s="92">
        <v>8.3331267059956471E-2</v>
      </c>
      <c r="AA373" s="208">
        <v>0.1434618687278949</v>
      </c>
      <c r="AB373" s="92">
        <v>7.3691547025353701E-2</v>
      </c>
      <c r="AC373" s="204">
        <v>93</v>
      </c>
      <c r="AD373" s="208">
        <v>0.42594644942606363</v>
      </c>
      <c r="AE373" s="92">
        <v>0.10050573743290112</v>
      </c>
      <c r="AF373" s="208">
        <v>0.24340281611120143</v>
      </c>
      <c r="AG373" s="92">
        <v>8.8393729833898857E-2</v>
      </c>
      <c r="AH373" s="208">
        <v>0.14261277885541054</v>
      </c>
      <c r="AI373" s="92">
        <v>7.3943764932608555E-2</v>
      </c>
      <c r="AJ373" s="208">
        <v>0.18803795560732323</v>
      </c>
      <c r="AK373" s="92">
        <v>8.1364803458385829E-2</v>
      </c>
      <c r="AL373" s="204">
        <v>94</v>
      </c>
      <c r="AM373" s="208">
        <v>0.18280312075155566</v>
      </c>
      <c r="AN373" s="92">
        <v>8.0161035934927113E-2</v>
      </c>
      <c r="AO373" s="208">
        <v>0.20011085387824099</v>
      </c>
      <c r="AP373" s="92">
        <v>8.262484270892248E-2</v>
      </c>
      <c r="AQ373" s="208">
        <v>0.26761760235099152</v>
      </c>
      <c r="AR373" s="92">
        <v>9.0422308124089634E-2</v>
      </c>
      <c r="AS373" s="208">
        <v>0.34946842301921066</v>
      </c>
      <c r="AT373" s="92">
        <v>9.6711704919046002E-2</v>
      </c>
    </row>
    <row r="374" spans="1:46">
      <c r="A374" s="52" t="s">
        <v>551</v>
      </c>
      <c r="B374" s="201">
        <v>749</v>
      </c>
      <c r="C374" s="207">
        <v>0.20015652469483297</v>
      </c>
      <c r="D374" s="89">
        <v>2.9248809568513907E-2</v>
      </c>
      <c r="E374" s="207">
        <v>0.14443931794570536</v>
      </c>
      <c r="F374" s="89">
        <v>2.5759762275641633E-2</v>
      </c>
      <c r="G374" s="207">
        <v>0.63246858179595944</v>
      </c>
      <c r="H374" s="89">
        <v>3.5153846039873059E-2</v>
      </c>
      <c r="I374" s="207">
        <v>2.2935575563502099E-2</v>
      </c>
      <c r="J374" s="89">
        <v>1.1482667236296814E-2</v>
      </c>
      <c r="K374" s="201">
        <v>771</v>
      </c>
      <c r="L374" s="207">
        <v>0.47080207266288221</v>
      </c>
      <c r="M374" s="89">
        <v>3.5860392997487292E-2</v>
      </c>
      <c r="N374" s="207">
        <v>0.18976103404914066</v>
      </c>
      <c r="O374" s="89">
        <v>2.8260790120131073E-2</v>
      </c>
      <c r="P374" s="207">
        <v>0.27872035015572255</v>
      </c>
      <c r="Q374" s="89">
        <v>3.2252188050176656E-2</v>
      </c>
      <c r="R374" s="207">
        <v>6.071654313225585E-2</v>
      </c>
      <c r="S374" s="89">
        <v>1.7452882477751987E-2</v>
      </c>
      <c r="T374" s="201">
        <v>767</v>
      </c>
      <c r="U374" s="207">
        <v>0.42985609962037524</v>
      </c>
      <c r="V374" s="89">
        <v>3.5661672423077322E-2</v>
      </c>
      <c r="W374" s="207">
        <v>0.15466310918005052</v>
      </c>
      <c r="X374" s="89">
        <v>2.6166845143252321E-2</v>
      </c>
      <c r="Y374" s="207">
        <v>0.28967553928188883</v>
      </c>
      <c r="Z374" s="89">
        <v>3.2709183786229203E-2</v>
      </c>
      <c r="AA374" s="207">
        <v>0.12580525191768721</v>
      </c>
      <c r="AB374" s="89">
        <v>2.4043562477593133E-2</v>
      </c>
      <c r="AC374" s="201">
        <v>767</v>
      </c>
      <c r="AD374" s="207">
        <v>0.41257050788966604</v>
      </c>
      <c r="AE374" s="89">
        <v>3.5465055047820833E-2</v>
      </c>
      <c r="AF374" s="207">
        <v>0.16726265843449734</v>
      </c>
      <c r="AG374" s="89">
        <v>2.6992016533722119E-2</v>
      </c>
      <c r="AH374" s="207">
        <v>0.2863975191841317</v>
      </c>
      <c r="AI374" s="89">
        <v>3.259993505785521E-2</v>
      </c>
      <c r="AJ374" s="207">
        <v>0.1337693144917072</v>
      </c>
      <c r="AK374" s="89">
        <v>2.4665142423922932E-2</v>
      </c>
      <c r="AL374" s="201">
        <v>771</v>
      </c>
      <c r="AM374" s="207">
        <v>0.29026069215782063</v>
      </c>
      <c r="AN374" s="89">
        <v>3.2643714776421542E-2</v>
      </c>
      <c r="AO374" s="207">
        <v>0.19414056651093164</v>
      </c>
      <c r="AP374" s="89">
        <v>2.850359952122207E-2</v>
      </c>
      <c r="AQ374" s="207">
        <v>0.29957811913766474</v>
      </c>
      <c r="AR374" s="89">
        <v>3.2941367003580732E-2</v>
      </c>
      <c r="AS374" s="207">
        <v>0.21602062219358625</v>
      </c>
      <c r="AT374" s="89">
        <v>2.9637467295080794E-2</v>
      </c>
    </row>
    <row r="375" spans="1:46">
      <c r="A375" s="44" t="s">
        <v>552</v>
      </c>
      <c r="B375" s="204">
        <v>210</v>
      </c>
      <c r="C375" s="208">
        <v>0.11258860478063262</v>
      </c>
      <c r="D375" s="92">
        <v>4.4400624085260139E-2</v>
      </c>
      <c r="E375" s="208">
        <v>0.14663772564812752</v>
      </c>
      <c r="F375" s="92">
        <v>4.9248430867276212E-2</v>
      </c>
      <c r="G375" s="208">
        <v>0.72630482522247097</v>
      </c>
      <c r="H375" s="92">
        <v>6.1246059656040033E-2</v>
      </c>
      <c r="I375" s="208">
        <v>1.4468844348769105E-2</v>
      </c>
      <c r="J375" s="92">
        <v>2.0729618534811402E-2</v>
      </c>
      <c r="K375" s="204">
        <v>210</v>
      </c>
      <c r="L375" s="208">
        <v>0.35813018174429301</v>
      </c>
      <c r="M375" s="92">
        <v>6.5655335631215644E-2</v>
      </c>
      <c r="N375" s="208">
        <v>0.21117761472895616</v>
      </c>
      <c r="O375" s="92">
        <v>5.6315355250557531E-2</v>
      </c>
      <c r="P375" s="208">
        <v>0.36928966911689776</v>
      </c>
      <c r="Q375" s="92">
        <v>6.6070981225811579E-2</v>
      </c>
      <c r="R375" s="208">
        <v>6.1402534409853438E-2</v>
      </c>
      <c r="S375" s="92">
        <v>3.4790795825911373E-2</v>
      </c>
      <c r="T375" s="204">
        <v>209</v>
      </c>
      <c r="U375" s="208">
        <v>0.32899246243684632</v>
      </c>
      <c r="V375" s="92">
        <v>6.454527970531064E-2</v>
      </c>
      <c r="W375" s="208">
        <v>0.16132603616447702</v>
      </c>
      <c r="X375" s="92">
        <v>5.1195561521532248E-2</v>
      </c>
      <c r="Y375" s="208">
        <v>0.3817623275327876</v>
      </c>
      <c r="Z375" s="92">
        <v>6.6648823687760136E-2</v>
      </c>
      <c r="AA375" s="208">
        <v>0.12791917386588911</v>
      </c>
      <c r="AB375" s="92">
        <v>4.6815352914631278E-2</v>
      </c>
      <c r="AC375" s="204">
        <v>209</v>
      </c>
      <c r="AD375" s="208">
        <v>0.30777147128472326</v>
      </c>
      <c r="AE375" s="92">
        <v>6.3456468756725101E-2</v>
      </c>
      <c r="AF375" s="208">
        <v>0.18166292027318456</v>
      </c>
      <c r="AG375" s="92">
        <v>5.3502999954115928E-2</v>
      </c>
      <c r="AH375" s="208">
        <v>0.37890290474709737</v>
      </c>
      <c r="AI375" s="92">
        <v>6.6555931714224414E-2</v>
      </c>
      <c r="AJ375" s="208">
        <v>0.13166270369499508</v>
      </c>
      <c r="AK375" s="92">
        <v>4.7347574079801003E-2</v>
      </c>
      <c r="AL375" s="204">
        <v>208</v>
      </c>
      <c r="AM375" s="208">
        <v>0.21880607236949598</v>
      </c>
      <c r="AN375" s="92">
        <v>5.7278795308123576E-2</v>
      </c>
      <c r="AO375" s="208">
        <v>0.22603540138016812</v>
      </c>
      <c r="AP375" s="92">
        <v>5.7911611772244409E-2</v>
      </c>
      <c r="AQ375" s="208">
        <v>0.3135681402992011</v>
      </c>
      <c r="AR375" s="92">
        <v>6.3919520021423246E-2</v>
      </c>
      <c r="AS375" s="208">
        <v>0.24159038595113491</v>
      </c>
      <c r="AT375" s="92">
        <v>5.9195953878045035E-2</v>
      </c>
    </row>
    <row r="376" spans="1:46">
      <c r="A376" s="52" t="s">
        <v>553</v>
      </c>
      <c r="B376" s="201">
        <v>272</v>
      </c>
      <c r="C376" s="207">
        <v>0.27128388125406494</v>
      </c>
      <c r="D376" s="89">
        <v>5.3729625367873055E-2</v>
      </c>
      <c r="E376" s="207">
        <v>0.13579998642402669</v>
      </c>
      <c r="F376" s="89">
        <v>4.1906586175216434E-2</v>
      </c>
      <c r="G376" s="207">
        <v>0.55350609451288968</v>
      </c>
      <c r="H376" s="89">
        <v>5.9857255223233159E-2</v>
      </c>
      <c r="I376" s="207">
        <v>3.9410037809019728E-2</v>
      </c>
      <c r="J376" s="89">
        <v>2.5241271688718009E-2</v>
      </c>
      <c r="K376" s="201">
        <v>269</v>
      </c>
      <c r="L376" s="207">
        <v>0.53991104608539753</v>
      </c>
      <c r="M376" s="89">
        <v>6.0335259262734753E-2</v>
      </c>
      <c r="N376" s="207">
        <v>0.14560193738539218</v>
      </c>
      <c r="O376" s="89">
        <v>4.3315957643205068E-2</v>
      </c>
      <c r="P376" s="207">
        <v>0.25201894389908902</v>
      </c>
      <c r="Q376" s="89">
        <v>5.2803351228734315E-2</v>
      </c>
      <c r="R376" s="207">
        <v>6.2468072630122239E-2</v>
      </c>
      <c r="S376" s="89">
        <v>3.0654522564340203E-2</v>
      </c>
      <c r="T376" s="201">
        <v>267</v>
      </c>
      <c r="U376" s="207">
        <v>0.46556733368080655</v>
      </c>
      <c r="V376" s="89">
        <v>6.0605692217940571E-2</v>
      </c>
      <c r="W376" s="207">
        <v>0.13754179485179371</v>
      </c>
      <c r="X376" s="89">
        <v>4.2517404214079013E-2</v>
      </c>
      <c r="Y376" s="207">
        <v>0.2754756785780984</v>
      </c>
      <c r="Z376" s="89">
        <v>5.4477186268847212E-2</v>
      </c>
      <c r="AA376" s="207">
        <v>0.12141519288930197</v>
      </c>
      <c r="AB376" s="89">
        <v>4.0453765279691724E-2</v>
      </c>
      <c r="AC376" s="201">
        <v>269</v>
      </c>
      <c r="AD376" s="207">
        <v>0.44123832060961982</v>
      </c>
      <c r="AE376" s="89">
        <v>6.0115579601193479E-2</v>
      </c>
      <c r="AF376" s="207">
        <v>0.18255241559435387</v>
      </c>
      <c r="AG376" s="89">
        <v>4.7216817499938307E-2</v>
      </c>
      <c r="AH376" s="207">
        <v>0.24956511347352667</v>
      </c>
      <c r="AI376" s="89">
        <v>5.2638344862809203E-2</v>
      </c>
      <c r="AJ376" s="207">
        <v>0.12664415032250065</v>
      </c>
      <c r="AK376" s="89">
        <v>4.0987857977244621E-2</v>
      </c>
      <c r="AL376" s="201">
        <v>271</v>
      </c>
      <c r="AM376" s="207">
        <v>0.32038611430557817</v>
      </c>
      <c r="AN376" s="89">
        <v>5.6397360697550081E-2</v>
      </c>
      <c r="AO376" s="207">
        <v>0.18275093678459872</v>
      </c>
      <c r="AP376" s="89">
        <v>4.7060448521534119E-2</v>
      </c>
      <c r="AQ376" s="207">
        <v>0.3013791750155852</v>
      </c>
      <c r="AR376" s="89">
        <v>5.5489761807941143E-2</v>
      </c>
      <c r="AS376" s="207">
        <v>0.19548377389423879</v>
      </c>
      <c r="AT376" s="89">
        <v>4.8233953026726346E-2</v>
      </c>
    </row>
    <row r="377" spans="1:46">
      <c r="A377" s="44" t="s">
        <v>554</v>
      </c>
      <c r="B377" s="204">
        <v>237</v>
      </c>
      <c r="C377" s="208">
        <v>0.21290472997527865</v>
      </c>
      <c r="D377" s="92">
        <v>5.3163750215572188E-2</v>
      </c>
      <c r="E377" s="208">
        <v>0.15965572569634881</v>
      </c>
      <c r="F377" s="92">
        <v>4.7855069017365373E-2</v>
      </c>
      <c r="G377" s="208">
        <v>0.61833978769493125</v>
      </c>
      <c r="H377" s="92">
        <v>6.2646569713467701E-2</v>
      </c>
      <c r="I377" s="208">
        <v>9.0997566334416954E-3</v>
      </c>
      <c r="J377" s="92">
        <v>1.6772830727728571E-2</v>
      </c>
      <c r="K377" s="204">
        <v>241</v>
      </c>
      <c r="L377" s="208">
        <v>0.51171905698143361</v>
      </c>
      <c r="M377" s="92">
        <v>6.3870674379188599E-2</v>
      </c>
      <c r="N377" s="208">
        <v>0.19402192225317935</v>
      </c>
      <c r="O377" s="92">
        <v>5.1015727752308324E-2</v>
      </c>
      <c r="P377" s="208">
        <v>0.23527914703593847</v>
      </c>
      <c r="Q377" s="92">
        <v>5.4539620254255343E-2</v>
      </c>
      <c r="R377" s="208">
        <v>5.8979873729449309E-2</v>
      </c>
      <c r="S377" s="92">
        <v>3.1764537572914142E-2</v>
      </c>
      <c r="T377" s="204">
        <v>240</v>
      </c>
      <c r="U377" s="208">
        <v>0.46999942207515127</v>
      </c>
      <c r="V377" s="92">
        <v>6.3906852396642941E-2</v>
      </c>
      <c r="W377" s="208">
        <v>0.18010770332802217</v>
      </c>
      <c r="X377" s="92">
        <v>4.9752919840616187E-2</v>
      </c>
      <c r="Y377" s="208">
        <v>0.22759561590937236</v>
      </c>
      <c r="Z377" s="92">
        <v>5.4050497402653726E-2</v>
      </c>
      <c r="AA377" s="208">
        <v>0.12229725868745479</v>
      </c>
      <c r="AB377" s="92">
        <v>4.2845443989915195E-2</v>
      </c>
      <c r="AC377" s="204">
        <v>239</v>
      </c>
      <c r="AD377" s="208">
        <v>0.47153304457686679</v>
      </c>
      <c r="AE377" s="92">
        <v>6.4049375454364607E-2</v>
      </c>
      <c r="AF377" s="208">
        <v>0.1328033449705531</v>
      </c>
      <c r="AG377" s="92">
        <v>4.436456544329679E-2</v>
      </c>
      <c r="AH377" s="208">
        <v>0.25275975764504549</v>
      </c>
      <c r="AI377" s="92">
        <v>5.6052317581206081E-2</v>
      </c>
      <c r="AJ377" s="208">
        <v>0.14290385280753512</v>
      </c>
      <c r="AK377" s="92">
        <v>4.5658582956720276E-2</v>
      </c>
      <c r="AL377" s="204">
        <v>241</v>
      </c>
      <c r="AM377" s="208">
        <v>0.2998548056414258</v>
      </c>
      <c r="AN377" s="92">
        <v>5.8726518436228482E-2</v>
      </c>
      <c r="AO377" s="208">
        <v>0.18018502434020603</v>
      </c>
      <c r="AP377" s="92">
        <v>4.9656933348469968E-2</v>
      </c>
      <c r="AQ377" s="208">
        <v>0.29994754420928843</v>
      </c>
      <c r="AR377" s="92">
        <v>5.8731510131157204E-2</v>
      </c>
      <c r="AS377" s="208">
        <v>0.22001262580908074</v>
      </c>
      <c r="AT377" s="92">
        <v>5.3321656717894413E-2</v>
      </c>
    </row>
    <row r="380" spans="1:46" ht="18.75">
      <c r="A380" s="344" t="s">
        <v>16</v>
      </c>
      <c r="B380" s="344"/>
      <c r="C380" s="344"/>
      <c r="D380" s="344"/>
    </row>
    <row r="381" spans="1:46" ht="114.75" customHeight="1">
      <c r="A381" s="427" t="s">
        <v>432</v>
      </c>
      <c r="B381" s="427"/>
      <c r="C381" s="427"/>
      <c r="D381" s="427"/>
    </row>
    <row r="382" spans="1:46" ht="38.25" customHeight="1">
      <c r="A382" s="400" t="s">
        <v>147</v>
      </c>
      <c r="B382" s="400"/>
      <c r="C382" s="400"/>
      <c r="D382" s="400"/>
    </row>
    <row r="383" spans="1:46" ht="40.5" customHeight="1">
      <c r="A383" s="32" t="s">
        <v>71</v>
      </c>
      <c r="B383" s="33" t="s">
        <v>72</v>
      </c>
      <c r="C383" s="34" t="s">
        <v>593</v>
      </c>
      <c r="D383" s="35" t="s">
        <v>73</v>
      </c>
    </row>
    <row r="384" spans="1:46" ht="72">
      <c r="A384" s="36"/>
      <c r="B384" s="37" t="s">
        <v>74</v>
      </c>
      <c r="C384" s="123" t="s">
        <v>148</v>
      </c>
      <c r="D384" s="39" t="s">
        <v>76</v>
      </c>
    </row>
    <row r="385" spans="1:4">
      <c r="A385" s="40" t="s">
        <v>350</v>
      </c>
      <c r="B385" s="209">
        <v>13959</v>
      </c>
      <c r="C385" s="79">
        <v>5.6012533169521053</v>
      </c>
      <c r="D385" s="80">
        <v>1.9371258520782125E-2</v>
      </c>
    </row>
    <row r="386" spans="1:4">
      <c r="A386" s="44" t="s">
        <v>351</v>
      </c>
      <c r="B386" s="44">
        <v>10157</v>
      </c>
      <c r="C386" s="211">
        <v>5.7669028938476252</v>
      </c>
      <c r="D386" s="212">
        <v>2.1718988611070283E-2</v>
      </c>
    </row>
    <row r="387" spans="1:4">
      <c r="A387" s="40" t="s">
        <v>352</v>
      </c>
      <c r="B387" s="48">
        <v>3802</v>
      </c>
      <c r="C387" s="79">
        <v>5.4704374696305491</v>
      </c>
      <c r="D387" s="80">
        <v>4.0200710211838943E-2</v>
      </c>
    </row>
    <row r="388" spans="1:4">
      <c r="A388" s="44" t="s">
        <v>534</v>
      </c>
      <c r="B388" s="44">
        <v>3214</v>
      </c>
      <c r="C388" s="211">
        <v>5.6580042407177551</v>
      </c>
      <c r="D388" s="212">
        <v>3.802238755310245E-2</v>
      </c>
    </row>
    <row r="389" spans="1:4">
      <c r="A389" s="40" t="s">
        <v>535</v>
      </c>
      <c r="B389" s="48">
        <v>2509</v>
      </c>
      <c r="C389" s="79">
        <v>5.9743262712533642</v>
      </c>
      <c r="D389" s="80">
        <v>4.0901575878558333E-2</v>
      </c>
    </row>
    <row r="390" spans="1:4">
      <c r="A390" s="44" t="s">
        <v>536</v>
      </c>
      <c r="B390" s="44">
        <v>367</v>
      </c>
      <c r="C390" s="211">
        <v>5.886881101560224</v>
      </c>
      <c r="D390" s="212">
        <v>0.10224216903887355</v>
      </c>
    </row>
    <row r="391" spans="1:4">
      <c r="A391" s="40" t="s">
        <v>537</v>
      </c>
      <c r="B391" s="48">
        <v>86</v>
      </c>
      <c r="C391" s="79">
        <v>5.8914111223661472</v>
      </c>
      <c r="D391" s="80">
        <v>0.22717179644711286</v>
      </c>
    </row>
    <row r="392" spans="1:4">
      <c r="A392" s="44" t="s">
        <v>538</v>
      </c>
      <c r="B392" s="44">
        <v>65</v>
      </c>
      <c r="C392" s="211">
        <v>6.0474122302393347</v>
      </c>
      <c r="D392" s="212">
        <v>0.20934977133665889</v>
      </c>
    </row>
    <row r="393" spans="1:4">
      <c r="A393" s="40" t="s">
        <v>539</v>
      </c>
      <c r="B393" s="48">
        <v>63</v>
      </c>
      <c r="C393" s="79">
        <v>5.5295560970138089</v>
      </c>
      <c r="D393" s="80">
        <v>0.2482101957057119</v>
      </c>
    </row>
    <row r="394" spans="1:4">
      <c r="A394" s="44" t="s">
        <v>540</v>
      </c>
      <c r="B394" s="44">
        <v>77</v>
      </c>
      <c r="C394" s="211">
        <v>5.9311321118339393</v>
      </c>
      <c r="D394" s="212">
        <v>0.19286153829736141</v>
      </c>
    </row>
    <row r="395" spans="1:4">
      <c r="A395" s="40" t="s">
        <v>541</v>
      </c>
      <c r="B395" s="209">
        <v>76</v>
      </c>
      <c r="C395" s="79">
        <v>6.0796260370533526</v>
      </c>
      <c r="D395" s="80">
        <v>0.24797264019694171</v>
      </c>
    </row>
    <row r="396" spans="1:4">
      <c r="A396" s="44" t="s">
        <v>542</v>
      </c>
      <c r="B396" s="210">
        <v>603</v>
      </c>
      <c r="C396" s="211">
        <v>5.9747323581451779</v>
      </c>
      <c r="D396" s="212">
        <v>8.238485418760022E-2</v>
      </c>
    </row>
    <row r="397" spans="1:4">
      <c r="A397" s="40" t="s">
        <v>543</v>
      </c>
      <c r="B397" s="78">
        <v>59</v>
      </c>
      <c r="C397" s="79">
        <v>6.3991485601296736</v>
      </c>
      <c r="D397" s="80">
        <v>0.1654800367578754</v>
      </c>
    </row>
    <row r="398" spans="1:4">
      <c r="A398" s="44" t="s">
        <v>550</v>
      </c>
      <c r="B398" s="210">
        <v>108</v>
      </c>
      <c r="C398" s="211">
        <v>5.7634163379008472</v>
      </c>
      <c r="D398" s="212">
        <v>0.21131426558197444</v>
      </c>
    </row>
    <row r="399" spans="1:4">
      <c r="A399" s="52" t="s">
        <v>544</v>
      </c>
      <c r="B399" s="209">
        <v>118</v>
      </c>
      <c r="C399" s="79">
        <v>5.6099519791420578</v>
      </c>
      <c r="D399" s="80">
        <v>0.20106419958589941</v>
      </c>
    </row>
    <row r="400" spans="1:4">
      <c r="A400" s="44" t="s">
        <v>545</v>
      </c>
      <c r="B400" s="210">
        <v>154</v>
      </c>
      <c r="C400" s="211">
        <v>6.1968611425610467</v>
      </c>
      <c r="D400" s="212">
        <v>0.1357610417462089</v>
      </c>
    </row>
    <row r="401" spans="1:38">
      <c r="A401" s="52" t="s">
        <v>546</v>
      </c>
      <c r="B401" s="209">
        <v>70</v>
      </c>
      <c r="C401" s="79">
        <v>6.3659495545244056</v>
      </c>
      <c r="D401" s="80">
        <v>0.18667004827854849</v>
      </c>
    </row>
    <row r="402" spans="1:38">
      <c r="A402" s="44" t="s">
        <v>547</v>
      </c>
      <c r="B402" s="210">
        <v>94</v>
      </c>
      <c r="C402" s="211">
        <v>5.7609466807814727</v>
      </c>
      <c r="D402" s="212">
        <v>0.23068837465719211</v>
      </c>
    </row>
    <row r="403" spans="1:38">
      <c r="A403" s="52" t="s">
        <v>551</v>
      </c>
      <c r="B403" s="209">
        <v>776</v>
      </c>
      <c r="C403" s="79">
        <v>5.5628675271850101</v>
      </c>
      <c r="D403" s="80">
        <v>8.5991721402309027E-2</v>
      </c>
    </row>
    <row r="404" spans="1:38">
      <c r="A404" s="44" t="s">
        <v>552</v>
      </c>
      <c r="B404" s="210">
        <v>210</v>
      </c>
      <c r="C404" s="211">
        <v>5.7074963563640999</v>
      </c>
      <c r="D404" s="212">
        <v>0.15399048939857024</v>
      </c>
    </row>
    <row r="405" spans="1:38">
      <c r="A405" s="52" t="s">
        <v>553</v>
      </c>
      <c r="B405" s="209">
        <v>269</v>
      </c>
      <c r="C405" s="79">
        <v>5.4474058005071848</v>
      </c>
      <c r="D405" s="80">
        <v>0.1505161381669001</v>
      </c>
    </row>
    <row r="406" spans="1:38">
      <c r="A406" s="44" t="s">
        <v>554</v>
      </c>
      <c r="B406" s="210">
        <v>239</v>
      </c>
      <c r="C406" s="211">
        <v>5.5578676483901663</v>
      </c>
      <c r="D406" s="212">
        <v>0.15526092454660964</v>
      </c>
    </row>
    <row r="407" spans="1:38">
      <c r="P407" s="242"/>
      <c r="Q407" s="242"/>
      <c r="R407" s="242"/>
      <c r="S407" s="242"/>
      <c r="T407" s="242"/>
      <c r="U407" s="242"/>
      <c r="V407" s="242"/>
      <c r="W407" s="242"/>
      <c r="X407" s="242"/>
      <c r="Y407" s="242"/>
      <c r="Z407" s="242"/>
      <c r="AA407" s="242"/>
      <c r="AB407" s="242"/>
      <c r="AC407" s="242"/>
      <c r="AD407" s="242"/>
      <c r="AE407" s="242"/>
      <c r="AF407" s="242"/>
      <c r="AG407" s="242"/>
      <c r="AH407" s="242"/>
    </row>
    <row r="408" spans="1:38">
      <c r="P408" s="242"/>
      <c r="Q408" s="242"/>
      <c r="R408" s="242"/>
      <c r="S408" s="242"/>
      <c r="T408" s="242"/>
      <c r="U408" s="242"/>
      <c r="V408" s="242"/>
      <c r="W408" s="242"/>
      <c r="X408" s="242"/>
      <c r="Y408" s="242"/>
      <c r="Z408" s="242"/>
      <c r="AA408" s="242"/>
      <c r="AB408" s="242"/>
      <c r="AC408" s="242"/>
      <c r="AD408" s="242"/>
      <c r="AE408" s="242"/>
      <c r="AF408" s="242"/>
      <c r="AG408" s="242"/>
      <c r="AH408" s="242"/>
    </row>
    <row r="409" spans="1:38" ht="18.75">
      <c r="A409" s="344" t="s">
        <v>51</v>
      </c>
      <c r="B409" s="344"/>
      <c r="C409" s="344"/>
      <c r="D409" s="344"/>
      <c r="E409" s="344"/>
      <c r="F409" s="344"/>
      <c r="G409" s="344"/>
      <c r="H409" s="344"/>
      <c r="I409" s="344"/>
      <c r="J409" s="344"/>
      <c r="K409" s="344"/>
      <c r="L409" s="344"/>
      <c r="M409" s="344"/>
      <c r="N409" s="344"/>
      <c r="O409" s="344"/>
      <c r="P409" s="344"/>
      <c r="Q409" s="344"/>
      <c r="R409" s="344"/>
      <c r="S409" s="344"/>
      <c r="T409" s="344"/>
      <c r="U409" s="344"/>
      <c r="V409" s="344"/>
      <c r="W409" s="344"/>
      <c r="X409" s="344"/>
      <c r="Y409" s="344"/>
      <c r="Z409" s="344"/>
      <c r="AA409" s="344"/>
      <c r="AB409" s="344"/>
      <c r="AC409" s="242"/>
      <c r="AD409" s="242"/>
      <c r="AE409" s="242"/>
      <c r="AF409" s="242"/>
      <c r="AG409" s="242"/>
      <c r="AH409" s="242"/>
    </row>
    <row r="410" spans="1:38" ht="63" customHeight="1">
      <c r="A410" s="416" t="s">
        <v>609</v>
      </c>
      <c r="B410" s="416"/>
      <c r="C410" s="416"/>
      <c r="D410" s="416"/>
      <c r="E410" s="416"/>
      <c r="F410" s="416"/>
      <c r="G410" s="416"/>
      <c r="H410" s="416"/>
      <c r="I410" s="416"/>
      <c r="J410" s="416"/>
      <c r="K410" s="416"/>
      <c r="L410" s="416"/>
      <c r="M410" s="416"/>
      <c r="N410" s="416"/>
      <c r="O410" s="416"/>
      <c r="P410" s="416"/>
      <c r="Q410" s="416"/>
      <c r="R410" s="416"/>
      <c r="S410" s="416"/>
      <c r="T410" s="416"/>
      <c r="U410" s="416"/>
      <c r="V410" s="416"/>
      <c r="W410" s="416"/>
      <c r="X410" s="416"/>
      <c r="Y410" s="416"/>
      <c r="Z410" s="416"/>
      <c r="AA410" s="416"/>
      <c r="AB410" s="416"/>
      <c r="AC410" s="242"/>
      <c r="AD410" s="242"/>
      <c r="AE410" s="242"/>
      <c r="AF410" s="242"/>
      <c r="AG410" s="242"/>
      <c r="AH410" s="242"/>
    </row>
    <row r="411" spans="1:38" ht="35.25" customHeight="1">
      <c r="A411" s="59"/>
      <c r="B411" s="393" t="s">
        <v>433</v>
      </c>
      <c r="C411" s="394"/>
      <c r="D411" s="394"/>
      <c r="E411" s="394"/>
      <c r="F411" s="394"/>
      <c r="G411" s="394"/>
      <c r="H411" s="394"/>
      <c r="I411" s="394"/>
      <c r="J411" s="395"/>
      <c r="K411" s="393" t="s">
        <v>434</v>
      </c>
      <c r="L411" s="394"/>
      <c r="M411" s="394"/>
      <c r="N411" s="394"/>
      <c r="O411" s="394"/>
      <c r="P411" s="394"/>
      <c r="Q411" s="394"/>
      <c r="R411" s="394"/>
      <c r="S411" s="395"/>
      <c r="T411" s="393" t="s">
        <v>435</v>
      </c>
      <c r="U411" s="394"/>
      <c r="V411" s="394"/>
      <c r="W411" s="394"/>
      <c r="X411" s="394"/>
      <c r="Y411" s="394"/>
      <c r="Z411" s="394"/>
      <c r="AA411" s="394"/>
      <c r="AB411" s="395"/>
      <c r="AC411" s="242"/>
      <c r="AD411" s="242"/>
      <c r="AE411" s="242"/>
      <c r="AF411" s="242"/>
      <c r="AG411" s="242"/>
      <c r="AH411" s="242"/>
      <c r="AI411" s="242"/>
      <c r="AJ411" s="242"/>
      <c r="AK411" s="242"/>
      <c r="AL411" s="242"/>
    </row>
    <row r="412" spans="1:38" ht="59.25" customHeight="1">
      <c r="A412" s="32" t="s">
        <v>71</v>
      </c>
      <c r="B412" s="33" t="s">
        <v>72</v>
      </c>
      <c r="C412" s="33" t="s">
        <v>470</v>
      </c>
      <c r="D412" s="84" t="s">
        <v>471</v>
      </c>
      <c r="E412" s="33" t="s">
        <v>472</v>
      </c>
      <c r="F412" s="84" t="s">
        <v>473</v>
      </c>
      <c r="G412" s="33" t="s">
        <v>474</v>
      </c>
      <c r="H412" s="84" t="s">
        <v>475</v>
      </c>
      <c r="I412" s="33" t="s">
        <v>301</v>
      </c>
      <c r="J412" s="84" t="s">
        <v>315</v>
      </c>
      <c r="K412" s="60" t="s">
        <v>72</v>
      </c>
      <c r="L412" s="60" t="s">
        <v>470</v>
      </c>
      <c r="M412" s="83" t="s">
        <v>471</v>
      </c>
      <c r="N412" s="60" t="s">
        <v>472</v>
      </c>
      <c r="O412" s="83" t="s">
        <v>473</v>
      </c>
      <c r="P412" s="60" t="s">
        <v>474</v>
      </c>
      <c r="Q412" s="83" t="s">
        <v>475</v>
      </c>
      <c r="R412" s="60" t="s">
        <v>301</v>
      </c>
      <c r="S412" s="83" t="s">
        <v>315</v>
      </c>
      <c r="T412" s="33" t="s">
        <v>72</v>
      </c>
      <c r="U412" s="33" t="s">
        <v>470</v>
      </c>
      <c r="V412" s="84" t="s">
        <v>471</v>
      </c>
      <c r="W412" s="33" t="s">
        <v>472</v>
      </c>
      <c r="X412" s="84" t="s">
        <v>473</v>
      </c>
      <c r="Y412" s="33" t="s">
        <v>474</v>
      </c>
      <c r="Z412" s="84" t="s">
        <v>475</v>
      </c>
      <c r="AA412" s="33" t="s">
        <v>301</v>
      </c>
      <c r="AB412" s="84" t="s">
        <v>315</v>
      </c>
      <c r="AC412" s="242"/>
      <c r="AD412" s="242"/>
      <c r="AE412" s="242"/>
      <c r="AF412" s="242"/>
      <c r="AG412" s="242"/>
      <c r="AH412" s="242"/>
      <c r="AI412" s="242"/>
      <c r="AJ412" s="242"/>
      <c r="AK412" s="242"/>
      <c r="AL412" s="242"/>
    </row>
    <row r="413" spans="1:38" ht="72">
      <c r="A413" s="36"/>
      <c r="B413" s="37" t="s">
        <v>74</v>
      </c>
      <c r="C413" s="37" t="s">
        <v>159</v>
      </c>
      <c r="D413" s="86" t="s">
        <v>88</v>
      </c>
      <c r="E413" s="37" t="s">
        <v>160</v>
      </c>
      <c r="F413" s="86" t="s">
        <v>88</v>
      </c>
      <c r="G413" s="37" t="s">
        <v>161</v>
      </c>
      <c r="H413" s="86" t="s">
        <v>88</v>
      </c>
      <c r="I413" s="37" t="s">
        <v>301</v>
      </c>
      <c r="J413" s="86" t="s">
        <v>88</v>
      </c>
      <c r="K413" s="63" t="s">
        <v>74</v>
      </c>
      <c r="L413" s="63" t="s">
        <v>159</v>
      </c>
      <c r="M413" s="85" t="s">
        <v>88</v>
      </c>
      <c r="N413" s="63" t="s">
        <v>160</v>
      </c>
      <c r="O413" s="85" t="s">
        <v>88</v>
      </c>
      <c r="P413" s="63" t="s">
        <v>161</v>
      </c>
      <c r="Q413" s="255" t="s">
        <v>88</v>
      </c>
      <c r="R413" s="63" t="s">
        <v>301</v>
      </c>
      <c r="S413" s="85" t="s">
        <v>88</v>
      </c>
      <c r="T413" s="37" t="s">
        <v>74</v>
      </c>
      <c r="U413" s="37" t="s">
        <v>159</v>
      </c>
      <c r="V413" s="86" t="s">
        <v>88</v>
      </c>
      <c r="W413" s="37" t="s">
        <v>160</v>
      </c>
      <c r="X413" s="86" t="s">
        <v>88</v>
      </c>
      <c r="Y413" s="37" t="s">
        <v>161</v>
      </c>
      <c r="Z413" s="86" t="s">
        <v>88</v>
      </c>
      <c r="AA413" s="37" t="s">
        <v>301</v>
      </c>
      <c r="AB413" s="86" t="s">
        <v>88</v>
      </c>
    </row>
    <row r="414" spans="1:38">
      <c r="A414" s="40" t="s">
        <v>350</v>
      </c>
      <c r="B414" s="209">
        <v>13997</v>
      </c>
      <c r="C414" s="213">
        <v>6.9488905960501821E-2</v>
      </c>
      <c r="D414" s="89">
        <v>4.3015431734890405E-3</v>
      </c>
      <c r="E414" s="213">
        <v>9.03302013597507E-2</v>
      </c>
      <c r="F414" s="89">
        <v>4.8479940551183825E-3</v>
      </c>
      <c r="G414" s="213">
        <v>0.83164784616154475</v>
      </c>
      <c r="H414" s="89">
        <v>6.3259677926820529E-3</v>
      </c>
      <c r="I414" s="213">
        <v>8.5330465182073927E-3</v>
      </c>
      <c r="J414" s="89">
        <v>1.567310040528438E-3</v>
      </c>
      <c r="K414" s="209">
        <v>13984</v>
      </c>
      <c r="L414" s="215">
        <v>0.12446767803727543</v>
      </c>
      <c r="M414" s="89">
        <v>5.5844087823388308E-3</v>
      </c>
      <c r="N414" s="213">
        <v>0.1510313263365608</v>
      </c>
      <c r="O414" s="89">
        <v>6.0568865231893816E-3</v>
      </c>
      <c r="P414" s="213">
        <v>0.71476908749387102</v>
      </c>
      <c r="Q414" s="256">
        <v>7.635921449937598E-3</v>
      </c>
      <c r="R414" s="213">
        <v>9.7319081323008864E-3</v>
      </c>
      <c r="S414" s="89">
        <v>1.6718707998115148E-3</v>
      </c>
      <c r="T414" s="209">
        <v>13984</v>
      </c>
      <c r="U414" s="213">
        <v>7.0603419523601108E-2</v>
      </c>
      <c r="V414" s="89">
        <v>4.3352507258003267E-3</v>
      </c>
      <c r="W414" s="213">
        <v>9.140734923529395E-2</v>
      </c>
      <c r="X414" s="89">
        <v>4.8761472847168707E-3</v>
      </c>
      <c r="Y414" s="213">
        <v>0.82779566732645504</v>
      </c>
      <c r="Z414" s="89">
        <v>6.3860067472446937E-3</v>
      </c>
      <c r="AA414" s="213">
        <v>1.0193563914653698E-2</v>
      </c>
      <c r="AB414" s="89">
        <v>1.7101059425639006E-3</v>
      </c>
    </row>
    <row r="415" spans="1:38">
      <c r="A415" s="44" t="s">
        <v>351</v>
      </c>
      <c r="B415" s="210">
        <v>10181</v>
      </c>
      <c r="C415" s="214">
        <v>5.5771260126623229E-2</v>
      </c>
      <c r="D415" s="92">
        <v>4.5544025107001592E-3</v>
      </c>
      <c r="E415" s="214">
        <v>6.769418318041226E-2</v>
      </c>
      <c r="F415" s="92">
        <v>4.9843524173121103E-3</v>
      </c>
      <c r="G415" s="214">
        <v>0.87028685890989887</v>
      </c>
      <c r="H415" s="92">
        <v>6.6616176792407278E-3</v>
      </c>
      <c r="I415" s="214">
        <v>6.2476977830547972E-3</v>
      </c>
      <c r="J415" s="92">
        <v>1.585416719608216E-3</v>
      </c>
      <c r="K415" s="210">
        <v>10165</v>
      </c>
      <c r="L415" s="214">
        <v>0.12134498611555503</v>
      </c>
      <c r="M415" s="92">
        <v>6.4794858685394844E-3</v>
      </c>
      <c r="N415" s="214">
        <v>0.1467456119577828</v>
      </c>
      <c r="O415" s="92">
        <v>7.0207394003520456E-3</v>
      </c>
      <c r="P415" s="214">
        <v>0.72367822063620413</v>
      </c>
      <c r="Q415" s="257">
        <v>8.8698017077062409E-3</v>
      </c>
      <c r="R415" s="214">
        <v>8.2311812904523936E-3</v>
      </c>
      <c r="S415" s="92">
        <v>1.8127123451858256E-3</v>
      </c>
      <c r="T415" s="210">
        <v>10167</v>
      </c>
      <c r="U415" s="214">
        <v>5.1967621136293746E-2</v>
      </c>
      <c r="V415" s="92">
        <v>4.4088042604215651E-3</v>
      </c>
      <c r="W415" s="214">
        <v>6.8821771804385493E-2</v>
      </c>
      <c r="X415" s="92">
        <v>5.0259982024442934E-3</v>
      </c>
      <c r="Y415" s="214">
        <v>0.87128348577884585</v>
      </c>
      <c r="Z415" s="92">
        <v>6.644385833423549E-3</v>
      </c>
      <c r="AA415" s="214">
        <v>7.9271212804651117E-3</v>
      </c>
      <c r="AB415" s="92">
        <v>1.7798063707391723E-3</v>
      </c>
    </row>
    <row r="416" spans="1:38">
      <c r="A416" s="40" t="s">
        <v>352</v>
      </c>
      <c r="B416" s="209">
        <v>3816</v>
      </c>
      <c r="C416" s="213">
        <v>8.0298884468340645E-2</v>
      </c>
      <c r="D416" s="89">
        <v>8.8157212594945945E-3</v>
      </c>
      <c r="E416" s="213">
        <v>0.10816816517547961</v>
      </c>
      <c r="F416" s="89">
        <v>1.0067269981012986E-2</v>
      </c>
      <c r="G416" s="213">
        <v>0.80119897013483554</v>
      </c>
      <c r="H416" s="89">
        <v>1.2922202661960154E-2</v>
      </c>
      <c r="I416" s="213">
        <v>1.0333980221343591E-2</v>
      </c>
      <c r="J416" s="89">
        <v>3.3518094175664925E-3</v>
      </c>
      <c r="K416" s="209">
        <v>3819</v>
      </c>
      <c r="L416" s="215">
        <v>0.12692672162460542</v>
      </c>
      <c r="M416" s="89">
        <v>1.0782001840017779E-2</v>
      </c>
      <c r="N416" s="213">
        <v>0.15440622169109808</v>
      </c>
      <c r="O416" s="89">
        <v>1.169920056663218E-2</v>
      </c>
      <c r="P416" s="213">
        <v>0.70775336283336154</v>
      </c>
      <c r="Q416" s="256">
        <v>1.4714256737517094E-2</v>
      </c>
      <c r="R416" s="213">
        <v>1.0913693850936122E-2</v>
      </c>
      <c r="S416" s="89">
        <v>3.4377060019035498E-3</v>
      </c>
      <c r="T416" s="209">
        <v>3817</v>
      </c>
      <c r="U416" s="213">
        <v>8.5248864245439815E-2</v>
      </c>
      <c r="V416" s="89">
        <v>9.0560186752224655E-3</v>
      </c>
      <c r="W416" s="213">
        <v>0.10915683433384854</v>
      </c>
      <c r="X416" s="89">
        <v>1.0106021668753832E-2</v>
      </c>
      <c r="Y416" s="213">
        <v>0.79361959244189906</v>
      </c>
      <c r="Z416" s="89">
        <v>1.3101497878337535E-2</v>
      </c>
      <c r="AA416" s="213">
        <v>1.1974708978813316E-2</v>
      </c>
      <c r="AB416" s="89">
        <v>3.5926742710500224E-3</v>
      </c>
    </row>
    <row r="417" spans="1:28">
      <c r="A417" s="44" t="s">
        <v>534</v>
      </c>
      <c r="B417" s="210">
        <v>3217</v>
      </c>
      <c r="C417" s="214">
        <v>6.4554731562860221E-2</v>
      </c>
      <c r="D417" s="92">
        <v>8.6934809965084105E-3</v>
      </c>
      <c r="E417" s="214">
        <v>8.4373035894525009E-2</v>
      </c>
      <c r="F417" s="92">
        <v>9.8219485128111326E-3</v>
      </c>
      <c r="G417" s="214">
        <v>0.84180460731674911</v>
      </c>
      <c r="H417" s="92">
        <v>1.2873882644661655E-2</v>
      </c>
      <c r="I417" s="214">
        <v>9.2676252258652118E-3</v>
      </c>
      <c r="J417" s="92">
        <v>3.484918579028579E-3</v>
      </c>
      <c r="K417" s="210">
        <v>3213</v>
      </c>
      <c r="L417" s="214">
        <v>0.10947026303794466</v>
      </c>
      <c r="M417" s="92">
        <v>1.103111475761827E-2</v>
      </c>
      <c r="N417" s="214">
        <v>0.13738229272183913</v>
      </c>
      <c r="O417" s="92">
        <v>1.2155616558256926E-2</v>
      </c>
      <c r="P417" s="214">
        <v>0.74205207631052172</v>
      </c>
      <c r="Q417" s="257">
        <v>1.5433086820564745E-2</v>
      </c>
      <c r="R417" s="214">
        <v>1.1095367929691872E-2</v>
      </c>
      <c r="S417" s="92">
        <v>3.7922917636570045E-3</v>
      </c>
      <c r="T417" s="210">
        <v>3212</v>
      </c>
      <c r="U417" s="214">
        <v>6.4963626076758041E-2</v>
      </c>
      <c r="V417" s="92">
        <v>8.7256304754109604E-3</v>
      </c>
      <c r="W417" s="214">
        <v>9.5309591931003496E-2</v>
      </c>
      <c r="X417" s="92">
        <v>1.0380378728107983E-2</v>
      </c>
      <c r="Y417" s="214">
        <v>0.83073085465489527</v>
      </c>
      <c r="Z417" s="92">
        <v>1.3237639937039896E-2</v>
      </c>
      <c r="AA417" s="214">
        <v>8.9959273373432132E-3</v>
      </c>
      <c r="AB417" s="92">
        <v>3.4400229955998157E-3</v>
      </c>
    </row>
    <row r="418" spans="1:28">
      <c r="A418" s="40" t="s">
        <v>535</v>
      </c>
      <c r="B418" s="209">
        <v>2510</v>
      </c>
      <c r="C418" s="213">
        <v>4.5778605642947487E-2</v>
      </c>
      <c r="D418" s="89">
        <v>8.3992404693327676E-3</v>
      </c>
      <c r="E418" s="213">
        <v>3.6413686995237476E-2</v>
      </c>
      <c r="F418" s="89">
        <v>7.5442028945007676E-3</v>
      </c>
      <c r="G418" s="213">
        <v>0.91621697582137773</v>
      </c>
      <c r="H418" s="89">
        <v>1.1091164888046892E-2</v>
      </c>
      <c r="I418" s="213">
        <v>1.5907315404408485E-3</v>
      </c>
      <c r="J418" s="89">
        <v>1.9451767038891328E-3</v>
      </c>
      <c r="K418" s="209">
        <v>2506</v>
      </c>
      <c r="L418" s="215">
        <v>9.9464641092632422E-2</v>
      </c>
      <c r="M418" s="89">
        <v>1.1981549226075907E-2</v>
      </c>
      <c r="N418" s="213">
        <v>0.12651792474100709</v>
      </c>
      <c r="O418" s="89">
        <v>1.3297417370081367E-2</v>
      </c>
      <c r="P418" s="213">
        <v>0.76950666971708348</v>
      </c>
      <c r="Q418" s="256">
        <v>1.6823313022412325E-2</v>
      </c>
      <c r="R418" s="213">
        <v>4.5107644492800121E-3</v>
      </c>
      <c r="S418" s="89">
        <v>2.8986312495551179E-3</v>
      </c>
      <c r="T418" s="209">
        <v>2505</v>
      </c>
      <c r="U418" s="213">
        <v>4.0893207906940336E-2</v>
      </c>
      <c r="V418" s="89">
        <v>7.9748999634656776E-3</v>
      </c>
      <c r="W418" s="213">
        <v>4.4768059007090147E-2</v>
      </c>
      <c r="X418" s="89">
        <v>8.3204195906334474E-3</v>
      </c>
      <c r="Y418" s="213">
        <v>0.91191038793602464</v>
      </c>
      <c r="Z418" s="89">
        <v>1.1354668389759005E-2</v>
      </c>
      <c r="AA418" s="213">
        <v>2.4283451499462409E-3</v>
      </c>
      <c r="AB418" s="89">
        <v>2.2626378905519708E-3</v>
      </c>
    </row>
    <row r="419" spans="1:28">
      <c r="A419" s="44" t="s">
        <v>536</v>
      </c>
      <c r="B419" s="210">
        <v>367</v>
      </c>
      <c r="C419" s="214">
        <v>5.9228231471668238E-2</v>
      </c>
      <c r="D419" s="92">
        <v>2.5410269147905007E-2</v>
      </c>
      <c r="E419" s="214">
        <v>3.3418037920221411E-2</v>
      </c>
      <c r="F419" s="92">
        <v>1.9965004038796232E-2</v>
      </c>
      <c r="G419" s="214">
        <v>0.90720397637658667</v>
      </c>
      <c r="H419" s="92">
        <v>3.0757055831934024E-2</v>
      </c>
      <c r="I419" s="214">
        <v>1.4975423152391781E-4</v>
      </c>
      <c r="J419" s="92">
        <v>7.7064015562664546E-3</v>
      </c>
      <c r="K419" s="210">
        <v>365</v>
      </c>
      <c r="L419" s="214">
        <v>0.10958659050875609</v>
      </c>
      <c r="M419" s="92">
        <v>3.3066249421913253E-2</v>
      </c>
      <c r="N419" s="214">
        <v>0.16919647168620844</v>
      </c>
      <c r="O419" s="92">
        <v>3.9361937221580406E-2</v>
      </c>
      <c r="P419" s="214">
        <v>0.72106671051960747</v>
      </c>
      <c r="Q419" s="257">
        <v>4.6815475825650564E-2</v>
      </c>
      <c r="R419" s="214">
        <v>1.5022728542745599E-4</v>
      </c>
      <c r="S419" s="92">
        <v>7.7478159241616325E-3</v>
      </c>
      <c r="T419" s="210">
        <v>366</v>
      </c>
      <c r="U419" s="214">
        <v>3.2950206662815902E-2</v>
      </c>
      <c r="V419" s="92">
        <v>1.9879485474469223E-2</v>
      </c>
      <c r="W419" s="214">
        <v>4.9811765477495509E-2</v>
      </c>
      <c r="X419" s="92">
        <v>2.3638930069094972E-2</v>
      </c>
      <c r="Y419" s="214">
        <v>0.91655154142359108</v>
      </c>
      <c r="Z419" s="92">
        <v>2.9448298936685567E-2</v>
      </c>
      <c r="AA419" s="214">
        <v>6.8648643609778976E-4</v>
      </c>
      <c r="AB419" s="92">
        <v>8.0856560260529654E-3</v>
      </c>
    </row>
    <row r="420" spans="1:28">
      <c r="A420" s="40" t="s">
        <v>537</v>
      </c>
      <c r="B420" s="209">
        <v>86</v>
      </c>
      <c r="C420" s="213">
        <v>8.1015412857641772E-2</v>
      </c>
      <c r="D420" s="89">
        <v>6.314337415611096E-2</v>
      </c>
      <c r="E420" s="213">
        <v>1.8193695619283311E-2</v>
      </c>
      <c r="F420" s="89">
        <v>4.11169444440957E-2</v>
      </c>
      <c r="G420" s="213">
        <v>0.90079089152307501</v>
      </c>
      <c r="H420" s="89">
        <v>6.7766881405789403E-2</v>
      </c>
      <c r="I420" s="213">
        <v>0</v>
      </c>
      <c r="J420" s="89">
        <v>3.1075817723560044E-2</v>
      </c>
      <c r="K420" s="209">
        <v>85</v>
      </c>
      <c r="L420" s="215">
        <v>0.12285261261742272</v>
      </c>
      <c r="M420" s="89">
        <v>7.3517761287225966E-2</v>
      </c>
      <c r="N420" s="213">
        <v>0.13193601601203978</v>
      </c>
      <c r="O420" s="89">
        <v>7.5381408149789664E-2</v>
      </c>
      <c r="P420" s="213">
        <v>0.74521137137053817</v>
      </c>
      <c r="Q420" s="256">
        <v>9.3653616211767834E-2</v>
      </c>
      <c r="R420" s="213">
        <v>0</v>
      </c>
      <c r="S420" s="89">
        <v>3.1420971575578778E-2</v>
      </c>
      <c r="T420" s="209">
        <v>86</v>
      </c>
      <c r="U420" s="213">
        <v>6.6805044557560284E-2</v>
      </c>
      <c r="V420" s="89">
        <v>5.9124030787297846E-2</v>
      </c>
      <c r="W420" s="213">
        <v>4.9663010435295966E-2</v>
      </c>
      <c r="X420" s="89">
        <v>5.3675140437633842E-2</v>
      </c>
      <c r="Y420" s="213">
        <v>0.88239375575260626</v>
      </c>
      <c r="Z420" s="89">
        <v>7.1951821065834726E-2</v>
      </c>
      <c r="AA420" s="213">
        <v>1.1381892545374529E-3</v>
      </c>
      <c r="AB420" s="89">
        <v>3.1809486588282268E-2</v>
      </c>
    </row>
    <row r="421" spans="1:28">
      <c r="A421" s="44" t="s">
        <v>538</v>
      </c>
      <c r="B421" s="210">
        <v>65</v>
      </c>
      <c r="C421" s="214">
        <v>6.5587849992108982E-2</v>
      </c>
      <c r="D421" s="92">
        <v>6.9169717340285444E-2</v>
      </c>
      <c r="E421" s="214">
        <v>0</v>
      </c>
      <c r="F421" s="92">
        <v>4.0393246397800862E-2</v>
      </c>
      <c r="G421" s="214">
        <v>0.93441215000789091</v>
      </c>
      <c r="H421" s="92">
        <v>6.9169717340285444E-2</v>
      </c>
      <c r="I421" s="214">
        <v>0</v>
      </c>
      <c r="J421" s="92">
        <v>4.0393246397800862E-2</v>
      </c>
      <c r="K421" s="210">
        <v>65</v>
      </c>
      <c r="L421" s="214">
        <v>0.10702344407556832</v>
      </c>
      <c r="M421" s="92">
        <v>8.0920585578660664E-2</v>
      </c>
      <c r="N421" s="214">
        <v>0.16588650914379546</v>
      </c>
      <c r="O421" s="92">
        <v>9.3540920683752624E-2</v>
      </c>
      <c r="P421" s="214">
        <v>0.72709004678063582</v>
      </c>
      <c r="Q421" s="257">
        <v>0.10881067735915274</v>
      </c>
      <c r="R421" s="214">
        <v>0</v>
      </c>
      <c r="S421" s="92">
        <v>4.0393246397800862E-2</v>
      </c>
      <c r="T421" s="210">
        <v>65</v>
      </c>
      <c r="U421" s="214">
        <v>3.0577377809416263E-2</v>
      </c>
      <c r="V421" s="92">
        <v>5.6183223336960103E-2</v>
      </c>
      <c r="W421" s="214">
        <v>1.6894468168831553E-3</v>
      </c>
      <c r="X421" s="92">
        <v>4.1453351651256312E-2</v>
      </c>
      <c r="Y421" s="214">
        <v>0.96773317537370063</v>
      </c>
      <c r="Z421" s="92">
        <v>5.6903474932680796E-2</v>
      </c>
      <c r="AA421" s="214">
        <v>0</v>
      </c>
      <c r="AB421" s="92">
        <v>4.0393246397800862E-2</v>
      </c>
    </row>
    <row r="422" spans="1:28">
      <c r="A422" s="40" t="s">
        <v>539</v>
      </c>
      <c r="B422" s="209">
        <v>64</v>
      </c>
      <c r="C422" s="213">
        <v>7.6910308228813118E-2</v>
      </c>
      <c r="D422" s="89">
        <v>7.3338504912336289E-2</v>
      </c>
      <c r="E422" s="213">
        <v>7.8471557886192339E-2</v>
      </c>
      <c r="F422" s="89">
        <v>7.380546899556871E-2</v>
      </c>
      <c r="G422" s="213">
        <v>0.84392856826650131</v>
      </c>
      <c r="H422" s="89">
        <v>9.242483242237666E-2</v>
      </c>
      <c r="I422" s="213">
        <v>6.8956561849351059E-4</v>
      </c>
      <c r="J422" s="89">
        <v>4.1414062608627761E-2</v>
      </c>
      <c r="K422" s="209">
        <v>63</v>
      </c>
      <c r="L422" s="215">
        <v>0.11236860974033254</v>
      </c>
      <c r="M422" s="89">
        <v>8.3629463555935687E-2</v>
      </c>
      <c r="N422" s="213">
        <v>0.25531307508472195</v>
      </c>
      <c r="O422" s="89">
        <v>0.10846658985250957</v>
      </c>
      <c r="P422" s="213">
        <v>0.63162044835183095</v>
      </c>
      <c r="Q422" s="256">
        <v>0.11836771464750218</v>
      </c>
      <c r="R422" s="213">
        <v>6.9786682311478272E-4</v>
      </c>
      <c r="S422" s="89">
        <v>4.2020801841571177E-2</v>
      </c>
      <c r="T422" s="209">
        <v>64</v>
      </c>
      <c r="U422" s="213">
        <v>1.8428330042688765E-2</v>
      </c>
      <c r="V422" s="89">
        <v>5.120313912345438E-2</v>
      </c>
      <c r="W422" s="213">
        <v>9.6028203889995389E-2</v>
      </c>
      <c r="X422" s="89">
        <v>7.8755506612678799E-2</v>
      </c>
      <c r="Y422" s="213">
        <v>0.88554346606731615</v>
      </c>
      <c r="Z422" s="89">
        <v>8.3429928034765746E-2</v>
      </c>
      <c r="AA422" s="213">
        <v>0</v>
      </c>
      <c r="AB422" s="89">
        <v>4.097826741289623E-2</v>
      </c>
    </row>
    <row r="423" spans="1:28">
      <c r="A423" s="44" t="s">
        <v>540</v>
      </c>
      <c r="B423" s="210">
        <v>77</v>
      </c>
      <c r="C423" s="214">
        <v>1.9208939311550023E-2</v>
      </c>
      <c r="D423" s="92">
        <v>4.5055169771070429E-2</v>
      </c>
      <c r="E423" s="214">
        <v>0</v>
      </c>
      <c r="F423" s="92">
        <v>3.4485061975244265E-2</v>
      </c>
      <c r="G423" s="214">
        <v>0.9807910606884499</v>
      </c>
      <c r="H423" s="92">
        <v>4.5055169771070443E-2</v>
      </c>
      <c r="I423" s="214">
        <v>0</v>
      </c>
      <c r="J423" s="92">
        <v>3.4485061975244265E-2</v>
      </c>
      <c r="K423" s="210">
        <v>77</v>
      </c>
      <c r="L423" s="214">
        <v>0.11765876876632478</v>
      </c>
      <c r="M423" s="92">
        <v>7.6302418302277075E-2</v>
      </c>
      <c r="N423" s="214">
        <v>0.19567127516781732</v>
      </c>
      <c r="O423" s="92">
        <v>9.0623471634301997E-2</v>
      </c>
      <c r="P423" s="214">
        <v>0.68666995606585746</v>
      </c>
      <c r="Q423" s="257">
        <v>0.10387810969913776</v>
      </c>
      <c r="R423" s="214">
        <v>0</v>
      </c>
      <c r="S423" s="92">
        <v>3.4485061975244265E-2</v>
      </c>
      <c r="T423" s="210">
        <v>76</v>
      </c>
      <c r="U423" s="214">
        <v>1.953761929369675E-2</v>
      </c>
      <c r="V423" s="92">
        <v>4.5641647869705176E-2</v>
      </c>
      <c r="W423" s="214">
        <v>5.0407200512090071E-2</v>
      </c>
      <c r="X423" s="92">
        <v>5.8126736090366879E-2</v>
      </c>
      <c r="Y423" s="214">
        <v>0.92853526462150671</v>
      </c>
      <c r="Z423" s="92">
        <v>6.4908654313441547E-2</v>
      </c>
      <c r="AA423" s="214">
        <v>1.5199155727062231E-3</v>
      </c>
      <c r="AB423" s="92">
        <v>3.5878014786213892E-2</v>
      </c>
    </row>
    <row r="424" spans="1:28">
      <c r="A424" s="40" t="s">
        <v>541</v>
      </c>
      <c r="B424" s="209">
        <v>75</v>
      </c>
      <c r="C424" s="213">
        <v>4.4338334559877339E-2</v>
      </c>
      <c r="D424" s="89">
        <v>5.6418745709915202E-2</v>
      </c>
      <c r="E424" s="213">
        <v>6.043785359913089E-2</v>
      </c>
      <c r="F424" s="89">
        <v>6.1974204481000307E-2</v>
      </c>
      <c r="G424" s="213">
        <v>0.89522381184099142</v>
      </c>
      <c r="H424" s="89">
        <v>7.4363321282591127E-2</v>
      </c>
      <c r="I424" s="213">
        <v>0</v>
      </c>
      <c r="J424" s="89">
        <v>3.5346768793784435E-2</v>
      </c>
      <c r="K424" s="209">
        <v>75</v>
      </c>
      <c r="L424" s="215">
        <v>8.7193681738211307E-2</v>
      </c>
      <c r="M424" s="89">
        <v>6.9868114682322985E-2</v>
      </c>
      <c r="N424" s="213">
        <v>9.9949650049609123E-2</v>
      </c>
      <c r="O424" s="89">
        <v>7.3176061121111149E-2</v>
      </c>
      <c r="P424" s="213">
        <v>0.81285666821218105</v>
      </c>
      <c r="Q424" s="256">
        <v>9.0506759001776918E-2</v>
      </c>
      <c r="R424" s="213">
        <v>0</v>
      </c>
      <c r="S424" s="89">
        <v>3.5346768793784435E-2</v>
      </c>
      <c r="T424" s="209">
        <v>75</v>
      </c>
      <c r="U424" s="213">
        <v>2.3992952259604291E-2</v>
      </c>
      <c r="V424" s="89">
        <v>4.8146131352035E-2</v>
      </c>
      <c r="W424" s="213">
        <v>4.2869091279711127E-2</v>
      </c>
      <c r="X424" s="89">
        <v>5.5873720695861086E-2</v>
      </c>
      <c r="Y424" s="213">
        <v>0.93230714671659443</v>
      </c>
      <c r="Z424" s="89">
        <v>6.4260907963365477E-2</v>
      </c>
      <c r="AA424" s="213">
        <v>8.3080974409018504E-4</v>
      </c>
      <c r="AB424" s="89">
        <v>3.5878640522080556E-2</v>
      </c>
    </row>
    <row r="425" spans="1:28">
      <c r="A425" s="44" t="s">
        <v>542</v>
      </c>
      <c r="B425" s="210">
        <v>605</v>
      </c>
      <c r="C425" s="214">
        <v>3.1630535373399403E-2</v>
      </c>
      <c r="D425" s="92">
        <v>1.4834010538425504E-2</v>
      </c>
      <c r="E425" s="214">
        <v>4.9349544128065921E-2</v>
      </c>
      <c r="F425" s="92">
        <v>1.8044498835060239E-2</v>
      </c>
      <c r="G425" s="214">
        <v>0.9171579008960582</v>
      </c>
      <c r="H425" s="92">
        <v>2.2671751304036793E-2</v>
      </c>
      <c r="I425" s="214">
        <v>1.8620196024753974E-3</v>
      </c>
      <c r="J425" s="92">
        <v>5.791962780138573E-3</v>
      </c>
      <c r="K425" s="210">
        <v>602</v>
      </c>
      <c r="L425" s="214">
        <v>0.11825988306552372</v>
      </c>
      <c r="M425" s="92">
        <v>2.6475208310998949E-2</v>
      </c>
      <c r="N425" s="214">
        <v>0.12952012798803059</v>
      </c>
      <c r="O425" s="92">
        <v>2.7497450949399104E-2</v>
      </c>
      <c r="P425" s="214">
        <v>0.74046499756530337</v>
      </c>
      <c r="Q425" s="257">
        <v>3.5686331619699453E-2</v>
      </c>
      <c r="R425" s="214">
        <v>1.1754991381136552E-2</v>
      </c>
      <c r="S425" s="92">
        <v>9.8682403173791147E-3</v>
      </c>
      <c r="T425" s="210">
        <v>606</v>
      </c>
      <c r="U425" s="214">
        <v>4.0088756187287224E-2</v>
      </c>
      <c r="V425" s="92">
        <v>1.6445949996681253E-2</v>
      </c>
      <c r="W425" s="214">
        <v>3.3136787493175723E-2</v>
      </c>
      <c r="X425" s="92">
        <v>1.5125242600230826E-2</v>
      </c>
      <c r="Y425" s="214">
        <v>0.92200516689765055</v>
      </c>
      <c r="Z425" s="92">
        <v>2.2063925979229383E-2</v>
      </c>
      <c r="AA425" s="214">
        <v>4.7692894218851921E-3</v>
      </c>
      <c r="AB425" s="92">
        <v>7.2212965439454897E-3</v>
      </c>
    </row>
    <row r="426" spans="1:28">
      <c r="A426" s="40" t="s">
        <v>543</v>
      </c>
      <c r="B426" s="209">
        <v>59</v>
      </c>
      <c r="C426" s="213">
        <v>2.7914730987221067E-2</v>
      </c>
      <c r="D426" s="89">
        <v>5.8844606845623759E-2</v>
      </c>
      <c r="E426" s="213">
        <v>2.9089320874995404E-2</v>
      </c>
      <c r="F426" s="89">
        <v>5.9366378656800105E-2</v>
      </c>
      <c r="G426" s="213">
        <v>0.94299594813778365</v>
      </c>
      <c r="H426" s="89">
        <v>7.0320594306160722E-2</v>
      </c>
      <c r="I426" s="213">
        <v>0</v>
      </c>
      <c r="J426" s="89">
        <v>4.4177291598495712E-2</v>
      </c>
      <c r="K426" s="209">
        <v>59</v>
      </c>
      <c r="L426" s="215">
        <v>5.0200593114248598E-2</v>
      </c>
      <c r="M426" s="89">
        <v>6.7873018948835712E-2</v>
      </c>
      <c r="N426" s="213">
        <v>0.10199725826014948</v>
      </c>
      <c r="O426" s="89">
        <v>8.3976684094754978E-2</v>
      </c>
      <c r="P426" s="213">
        <v>0.81675482487491036</v>
      </c>
      <c r="Q426" s="256">
        <v>0.10141935222261</v>
      </c>
      <c r="R426" s="213">
        <v>3.1047323750691413E-2</v>
      </c>
      <c r="S426" s="89">
        <v>6.0223272083064487E-2</v>
      </c>
      <c r="T426" s="209">
        <v>59</v>
      </c>
      <c r="U426" s="213">
        <v>2.0239279963850543E-3</v>
      </c>
      <c r="V426" s="89">
        <v>4.5432460803111203E-2</v>
      </c>
      <c r="W426" s="213">
        <v>0</v>
      </c>
      <c r="X426" s="89">
        <v>4.4177291598495712E-2</v>
      </c>
      <c r="Y426" s="213">
        <v>0.99797607200361516</v>
      </c>
      <c r="Z426" s="89">
        <v>4.5432460803111085E-2</v>
      </c>
      <c r="AA426" s="213">
        <v>0</v>
      </c>
      <c r="AB426" s="89">
        <v>4.4177291598495712E-2</v>
      </c>
    </row>
    <row r="427" spans="1:28">
      <c r="A427" s="44" t="s">
        <v>550</v>
      </c>
      <c r="B427" s="210">
        <v>108</v>
      </c>
      <c r="C427" s="214">
        <v>3.3349764865151788E-2</v>
      </c>
      <c r="D427" s="92">
        <v>4.1193905570052161E-2</v>
      </c>
      <c r="E427" s="214">
        <v>5.1016344052392436E-2</v>
      </c>
      <c r="F427" s="92">
        <v>4.7266559597431743E-2</v>
      </c>
      <c r="G427" s="214">
        <v>0.91563389108245574</v>
      </c>
      <c r="H427" s="92">
        <v>5.6495106407461915E-2</v>
      </c>
      <c r="I427" s="214">
        <v>0</v>
      </c>
      <c r="J427" s="92">
        <v>2.5027317436669111E-2</v>
      </c>
      <c r="K427" s="210">
        <v>108</v>
      </c>
      <c r="L427" s="214">
        <v>0.10662670629700251</v>
      </c>
      <c r="M427" s="92">
        <v>6.1560978845333097E-2</v>
      </c>
      <c r="N427" s="214">
        <v>0.15134123047537051</v>
      </c>
      <c r="O427" s="92">
        <v>6.9940044383768399E-2</v>
      </c>
      <c r="P427" s="214">
        <v>0.72004785846279362</v>
      </c>
      <c r="Q427" s="257">
        <v>8.5560301536748151E-2</v>
      </c>
      <c r="R427" s="214">
        <v>2.1984204764833537E-2</v>
      </c>
      <c r="S427" s="92">
        <v>3.6611283824803782E-2</v>
      </c>
      <c r="T427" s="210">
        <v>108</v>
      </c>
      <c r="U427" s="214">
        <v>6.8592734382038986E-2</v>
      </c>
      <c r="V427" s="92">
        <v>5.2421408438738284E-2</v>
      </c>
      <c r="W427" s="214">
        <v>7.9708263746028893E-2</v>
      </c>
      <c r="X427" s="92">
        <v>5.5338908427987374E-2</v>
      </c>
      <c r="Y427" s="214">
        <v>0.85169900187193248</v>
      </c>
      <c r="Z427" s="92">
        <v>6.9432700641461065E-2</v>
      </c>
      <c r="AA427" s="214">
        <v>0</v>
      </c>
      <c r="AB427" s="92">
        <v>2.5027317436669111E-2</v>
      </c>
    </row>
    <row r="428" spans="1:28">
      <c r="A428" s="52" t="s">
        <v>544</v>
      </c>
      <c r="B428" s="209">
        <v>118</v>
      </c>
      <c r="C428" s="213">
        <v>6.0835272864215133E-2</v>
      </c>
      <c r="D428" s="89">
        <v>4.7760997912885295E-2</v>
      </c>
      <c r="E428" s="213">
        <v>0.10714012158971162</v>
      </c>
      <c r="F428" s="89">
        <v>5.8845668477870906E-2</v>
      </c>
      <c r="G428" s="213">
        <v>0.83202460554607394</v>
      </c>
      <c r="H428" s="89">
        <v>6.939316114977577E-2</v>
      </c>
      <c r="I428" s="213">
        <v>0</v>
      </c>
      <c r="J428" s="89">
        <v>2.2993012239943496E-2</v>
      </c>
      <c r="K428" s="209">
        <v>116</v>
      </c>
      <c r="L428" s="215">
        <v>0.23281552681177367</v>
      </c>
      <c r="M428" s="89">
        <v>7.8164848729979669E-2</v>
      </c>
      <c r="N428" s="213">
        <v>0.12783831511757118</v>
      </c>
      <c r="O428" s="89">
        <v>6.3397005168459614E-2</v>
      </c>
      <c r="P428" s="213">
        <v>0.62730124261711173</v>
      </c>
      <c r="Q428" s="256">
        <v>8.8479142769536598E-2</v>
      </c>
      <c r="R428" s="213">
        <v>1.2044915453543721E-2</v>
      </c>
      <c r="S428" s="89">
        <v>3.0281250540669949E-2</v>
      </c>
      <c r="T428" s="209">
        <v>119</v>
      </c>
      <c r="U428" s="213">
        <v>3.2660714672100799E-2</v>
      </c>
      <c r="V428" s="89">
        <v>3.8495393535683424E-2</v>
      </c>
      <c r="W428" s="213">
        <v>3.723389303856648E-2</v>
      </c>
      <c r="X428" s="89">
        <v>4.0141888430042953E-2</v>
      </c>
      <c r="Y428" s="213">
        <v>0.91692658949525352</v>
      </c>
      <c r="Z428" s="89">
        <v>5.3280743052693827E-2</v>
      </c>
      <c r="AA428" s="213">
        <v>1.3178802794079337E-2</v>
      </c>
      <c r="AB428" s="89">
        <v>3.0266450299078242E-2</v>
      </c>
    </row>
    <row r="429" spans="1:28">
      <c r="A429" s="44" t="s">
        <v>545</v>
      </c>
      <c r="B429" s="210">
        <v>154</v>
      </c>
      <c r="C429" s="214">
        <v>2.3028628812224099E-2</v>
      </c>
      <c r="D429" s="92">
        <v>2.9283240498113896E-2</v>
      </c>
      <c r="E429" s="214">
        <v>2.0756605733563433E-2</v>
      </c>
      <c r="F429" s="92">
        <v>2.837704570482194E-2</v>
      </c>
      <c r="G429" s="214">
        <v>0.95586289824446469</v>
      </c>
      <c r="H429" s="92">
        <v>3.6484053120753049E-2</v>
      </c>
      <c r="I429" s="214">
        <v>3.5186720974780242E-4</v>
      </c>
      <c r="J429" s="92">
        <v>1.8024003800210936E-2</v>
      </c>
      <c r="K429" s="210">
        <v>154</v>
      </c>
      <c r="L429" s="214">
        <v>5.4977973249534344E-2</v>
      </c>
      <c r="M429" s="92">
        <v>3.9572410565617264E-2</v>
      </c>
      <c r="N429" s="214">
        <v>0.11738803146089272</v>
      </c>
      <c r="O429" s="92">
        <v>5.299307445314945E-2</v>
      </c>
      <c r="P429" s="214">
        <v>0.82728186194762576</v>
      </c>
      <c r="Q429" s="257">
        <v>6.1261298736739828E-2</v>
      </c>
      <c r="R429" s="214">
        <v>3.5213334194745996E-4</v>
      </c>
      <c r="S429" s="92">
        <v>1.8024181234822804E-2</v>
      </c>
      <c r="T429" s="210">
        <v>154</v>
      </c>
      <c r="U429" s="214">
        <v>3.5189526515007057E-2</v>
      </c>
      <c r="V429" s="92">
        <v>3.3659475566603862E-2</v>
      </c>
      <c r="W429" s="214">
        <v>3.499552396168396E-4</v>
      </c>
      <c r="X429" s="92">
        <v>1.8022729004881811E-2</v>
      </c>
      <c r="Y429" s="214">
        <v>0.96411056300575937</v>
      </c>
      <c r="Z429" s="92">
        <v>3.389096080797542E-2</v>
      </c>
      <c r="AA429" s="214">
        <v>3.499552396168396E-4</v>
      </c>
      <c r="AB429" s="92">
        <v>1.8022729004881811E-2</v>
      </c>
    </row>
    <row r="430" spans="1:28">
      <c r="A430" s="52" t="s">
        <v>546</v>
      </c>
      <c r="B430" s="209">
        <v>71</v>
      </c>
      <c r="C430" s="213">
        <v>1.4192292974541386E-2</v>
      </c>
      <c r="D430" s="89">
        <v>4.5310110100461112E-2</v>
      </c>
      <c r="E430" s="213">
        <v>1.2606741258994164E-3</v>
      </c>
      <c r="F430" s="89">
        <v>3.8006258710925958E-2</v>
      </c>
      <c r="G430" s="213">
        <v>0.97035473992501775</v>
      </c>
      <c r="H430" s="89">
        <v>5.2528280981112646E-2</v>
      </c>
      <c r="I430" s="213">
        <v>1.4192292974541386E-2</v>
      </c>
      <c r="J430" s="89">
        <v>4.5310110100461112E-2</v>
      </c>
      <c r="K430" s="209">
        <v>70</v>
      </c>
      <c r="L430" s="215">
        <v>7.6627356659353593E-2</v>
      </c>
      <c r="M430" s="89">
        <v>6.9597162779048038E-2</v>
      </c>
      <c r="N430" s="213">
        <v>0.137566597581296</v>
      </c>
      <c r="O430" s="89">
        <v>8.4616490465851346E-2</v>
      </c>
      <c r="P430" s="213">
        <v>0.77143234483160006</v>
      </c>
      <c r="Q430" s="256">
        <v>9.9749452316792192E-2</v>
      </c>
      <c r="R430" s="213">
        <v>1.4373700927749861E-2</v>
      </c>
      <c r="S430" s="89">
        <v>4.5898525187162462E-2</v>
      </c>
      <c r="T430" s="209">
        <v>72</v>
      </c>
      <c r="U430" s="213">
        <v>3.5174190021775985E-2</v>
      </c>
      <c r="V430" s="89">
        <v>5.4329371257242125E-2</v>
      </c>
      <c r="W430" s="213">
        <v>1.3874694523917275E-3</v>
      </c>
      <c r="X430" s="89">
        <v>3.7603754274435727E-2</v>
      </c>
      <c r="Y430" s="213">
        <v>0.949548115822754</v>
      </c>
      <c r="Z430" s="89">
        <v>6.0096272165566053E-2</v>
      </c>
      <c r="AA430" s="213">
        <v>1.3890224703078451E-2</v>
      </c>
      <c r="AB430" s="89">
        <v>4.4672302771587638E-2</v>
      </c>
    </row>
    <row r="431" spans="1:28">
      <c r="A431" s="44" t="s">
        <v>547</v>
      </c>
      <c r="B431" s="210">
        <v>95</v>
      </c>
      <c r="C431" s="214">
        <v>1.6703418673228509E-2</v>
      </c>
      <c r="D431" s="92">
        <v>3.7560940534191643E-2</v>
      </c>
      <c r="E431" s="214">
        <v>7.3338596279390808E-2</v>
      </c>
      <c r="F431" s="92">
        <v>5.7690630186076876E-2</v>
      </c>
      <c r="G431" s="214">
        <v>0.90995798504738035</v>
      </c>
      <c r="H431" s="92">
        <v>6.2033272357220719E-2</v>
      </c>
      <c r="I431" s="214">
        <v>0</v>
      </c>
      <c r="J431" s="92">
        <v>2.8279912978147775E-2</v>
      </c>
      <c r="K431" s="210">
        <v>95</v>
      </c>
      <c r="L431" s="214">
        <v>0.16973641855806068</v>
      </c>
      <c r="M431" s="92">
        <v>7.7736142207043751E-2</v>
      </c>
      <c r="N431" s="214">
        <v>0.13349962795508014</v>
      </c>
      <c r="O431" s="92">
        <v>7.1439044542668556E-2</v>
      </c>
      <c r="P431" s="214">
        <v>0.69540126581668171</v>
      </c>
      <c r="Q431" s="257">
        <v>9.3168989621203374E-2</v>
      </c>
      <c r="R431" s="214">
        <v>1.3626876701758892E-3</v>
      </c>
      <c r="S431" s="92">
        <v>2.9161330940971862E-2</v>
      </c>
      <c r="T431" s="210">
        <v>94</v>
      </c>
      <c r="U431" s="214">
        <v>4.8709280321014584E-2</v>
      </c>
      <c r="V431" s="92">
        <v>5.0557288368357288E-2</v>
      </c>
      <c r="W431" s="214">
        <v>7.8732016005672645E-2</v>
      </c>
      <c r="X431" s="92">
        <v>5.9496084493046386E-2</v>
      </c>
      <c r="Y431" s="214">
        <v>0.87116321279435016</v>
      </c>
      <c r="Z431" s="92">
        <v>7.0928031864519514E-2</v>
      </c>
      <c r="AA431" s="214">
        <v>1.3954908789619929E-3</v>
      </c>
      <c r="AB431" s="92">
        <v>2.9467226052407834E-2</v>
      </c>
    </row>
    <row r="432" spans="1:28">
      <c r="A432" s="52" t="s">
        <v>551</v>
      </c>
      <c r="B432" s="209">
        <v>778</v>
      </c>
      <c r="C432" s="213">
        <v>7.098274311027894E-2</v>
      </c>
      <c r="D432" s="89">
        <v>1.8625711882595496E-2</v>
      </c>
      <c r="E432" s="213">
        <v>0.10203981936452512</v>
      </c>
      <c r="F432" s="89">
        <v>2.1839185316670218E-2</v>
      </c>
      <c r="G432" s="213">
        <v>0.81512232990347266</v>
      </c>
      <c r="H432" s="89">
        <v>2.7857070082714732E-2</v>
      </c>
      <c r="I432" s="213">
        <v>1.1855107621722356E-2</v>
      </c>
      <c r="J432" s="89">
        <v>8.50636355173842E-3</v>
      </c>
      <c r="K432" s="209">
        <v>778</v>
      </c>
      <c r="L432" s="215">
        <v>0.11348690027031091</v>
      </c>
      <c r="M432" s="89">
        <v>2.2856387598663368E-2</v>
      </c>
      <c r="N432" s="213">
        <v>0.14059896598066432</v>
      </c>
      <c r="O432" s="89">
        <v>2.4996054951998366E-2</v>
      </c>
      <c r="P432" s="213">
        <v>0.73276838129019151</v>
      </c>
      <c r="Q432" s="256">
        <v>3.1693202060989474E-2</v>
      </c>
      <c r="R432" s="213">
        <v>1.3145752458831518E-2</v>
      </c>
      <c r="S432" s="89">
        <v>8.872950729361638E-3</v>
      </c>
      <c r="T432" s="209">
        <v>775</v>
      </c>
      <c r="U432" s="213">
        <v>7.1466181862717498E-2</v>
      </c>
      <c r="V432" s="89">
        <v>1.8718897865714092E-2</v>
      </c>
      <c r="W432" s="213">
        <v>0.11247065576386897</v>
      </c>
      <c r="X432" s="89">
        <v>2.281356288315373E-2</v>
      </c>
      <c r="Y432" s="213">
        <v>0.8048985043110235</v>
      </c>
      <c r="Z432" s="89">
        <v>2.8482288948450816E-2</v>
      </c>
      <c r="AA432" s="213">
        <v>1.1164658062389117E-2</v>
      </c>
      <c r="AB432" s="89">
        <v>8.3220559837680914E-3</v>
      </c>
    </row>
    <row r="433" spans="1:28">
      <c r="A433" s="44" t="s">
        <v>552</v>
      </c>
      <c r="B433" s="210">
        <v>210</v>
      </c>
      <c r="C433" s="214">
        <v>2.7613467042485448E-2</v>
      </c>
      <c r="D433" s="92">
        <v>2.56194365222597E-2</v>
      </c>
      <c r="E433" s="214">
        <v>0.11723892608655051</v>
      </c>
      <c r="F433" s="92">
        <v>4.5120738538386364E-2</v>
      </c>
      <c r="G433" s="214">
        <v>0.85046319017762395</v>
      </c>
      <c r="H433" s="92">
        <v>4.9619902665009798E-2</v>
      </c>
      <c r="I433" s="214">
        <v>4.6844166933397895E-3</v>
      </c>
      <c r="J433" s="92">
        <v>1.6030493345093405E-2</v>
      </c>
      <c r="K433" s="210">
        <v>210</v>
      </c>
      <c r="L433" s="214">
        <v>0.14588720683181303</v>
      </c>
      <c r="M433" s="92">
        <v>4.9151304744239774E-2</v>
      </c>
      <c r="N433" s="214">
        <v>0.10132809496746255</v>
      </c>
      <c r="O433" s="92">
        <v>4.256865554485461E-2</v>
      </c>
      <c r="P433" s="214">
        <v>0.74712564432830764</v>
      </c>
      <c r="Q433" s="257">
        <v>5.9780065810747803E-2</v>
      </c>
      <c r="R433" s="214">
        <v>5.6590538724167585E-3</v>
      </c>
      <c r="S433" s="92">
        <v>1.6563155385746525E-2</v>
      </c>
      <c r="T433" s="210">
        <v>206</v>
      </c>
      <c r="U433" s="214">
        <v>5.1575779597315657E-2</v>
      </c>
      <c r="V433" s="92">
        <v>3.2806246904162242E-2</v>
      </c>
      <c r="W433" s="214">
        <v>9.4532744425150653E-2</v>
      </c>
      <c r="X433" s="92">
        <v>4.1815844564841359E-2</v>
      </c>
      <c r="Y433" s="214">
        <v>0.84408632755555557</v>
      </c>
      <c r="Z433" s="92">
        <v>5.0910181398248509E-2</v>
      </c>
      <c r="AA433" s="214">
        <v>9.8051484219780147E-3</v>
      </c>
      <c r="AB433" s="92">
        <v>1.8911205875731339E-2</v>
      </c>
    </row>
    <row r="434" spans="1:28">
      <c r="A434" s="52" t="s">
        <v>553</v>
      </c>
      <c r="B434" s="209">
        <v>269</v>
      </c>
      <c r="C434" s="213">
        <v>9.9271129594258337E-2</v>
      </c>
      <c r="D434" s="89">
        <v>3.7129147029698668E-2</v>
      </c>
      <c r="E434" s="213">
        <v>0.10826109380336488</v>
      </c>
      <c r="F434" s="89">
        <v>3.8469751662924496E-2</v>
      </c>
      <c r="G434" s="213">
        <v>0.78668754615242464</v>
      </c>
      <c r="H434" s="89">
        <v>4.9937851056612879E-2</v>
      </c>
      <c r="I434" s="213">
        <v>5.7802304499527286E-3</v>
      </c>
      <c r="J434" s="89">
        <v>1.372251704336591E-2</v>
      </c>
      <c r="K434" s="209">
        <v>269</v>
      </c>
      <c r="L434" s="215">
        <v>0.10337548684634185</v>
      </c>
      <c r="M434" s="89">
        <v>3.7750883856769474E-2</v>
      </c>
      <c r="N434" s="213">
        <v>0.17521520419579453</v>
      </c>
      <c r="O434" s="89">
        <v>4.6501538991052416E-2</v>
      </c>
      <c r="P434" s="213">
        <v>0.71225594438690565</v>
      </c>
      <c r="Q434" s="256">
        <v>5.4973581988676683E-2</v>
      </c>
      <c r="R434" s="213">
        <v>9.1533645709585311E-3</v>
      </c>
      <c r="S434" s="89">
        <v>1.5348498273873813E-2</v>
      </c>
      <c r="T434" s="209">
        <v>268</v>
      </c>
      <c r="U434" s="213">
        <v>8.5794498500954344E-2</v>
      </c>
      <c r="V434" s="89">
        <v>3.5029979543378567E-2</v>
      </c>
      <c r="W434" s="213">
        <v>0.10453956729750175</v>
      </c>
      <c r="X434" s="89">
        <v>3.7997078087926808E-2</v>
      </c>
      <c r="Y434" s="213">
        <v>0.80542071081063771</v>
      </c>
      <c r="Z434" s="89">
        <v>4.8422405890378308E-2</v>
      </c>
      <c r="AA434" s="213">
        <v>4.2452233909066718E-3</v>
      </c>
      <c r="AB434" s="89">
        <v>1.2949370660374611E-2</v>
      </c>
    </row>
    <row r="435" spans="1:28">
      <c r="A435" s="44" t="s">
        <v>554</v>
      </c>
      <c r="B435" s="210">
        <v>239</v>
      </c>
      <c r="C435" s="214">
        <v>7.1499565747073265E-2</v>
      </c>
      <c r="D435" s="92">
        <v>3.4517839581535724E-2</v>
      </c>
      <c r="E435" s="214">
        <v>8.9446642875498111E-2</v>
      </c>
      <c r="F435" s="92">
        <v>3.7832068643401266E-2</v>
      </c>
      <c r="G435" s="214">
        <v>0.81849783657135644</v>
      </c>
      <c r="H435" s="92">
        <v>4.9999384147665922E-2</v>
      </c>
      <c r="I435" s="214">
        <v>2.0555954806071881E-2</v>
      </c>
      <c r="J435" s="92">
        <v>2.1329763203105544E-2</v>
      </c>
      <c r="K435" s="210">
        <v>240</v>
      </c>
      <c r="L435" s="214">
        <v>0.11071847972773702</v>
      </c>
      <c r="M435" s="92">
        <v>4.1168924352123694E-2</v>
      </c>
      <c r="N435" s="214">
        <v>0.14146542265369327</v>
      </c>
      <c r="O435" s="92">
        <v>4.5382358750184301E-2</v>
      </c>
      <c r="P435" s="214">
        <v>0.72786286374160236</v>
      </c>
      <c r="Q435" s="257">
        <v>5.722645631573435E-2</v>
      </c>
      <c r="R435" s="214">
        <v>1.9953233876967222E-2</v>
      </c>
      <c r="S435" s="92">
        <v>2.1057587645774156E-2</v>
      </c>
      <c r="T435" s="210">
        <v>241</v>
      </c>
      <c r="U435" s="214">
        <v>7.9713533872944983E-2</v>
      </c>
      <c r="V435" s="92">
        <v>3.5931922446382832E-2</v>
      </c>
      <c r="W435" s="214">
        <v>0.11690903822828601</v>
      </c>
      <c r="X435" s="92">
        <v>4.1990147724021189E-2</v>
      </c>
      <c r="Y435" s="214">
        <v>0.78793767344403887</v>
      </c>
      <c r="Z435" s="92">
        <v>5.2648545919590041E-2</v>
      </c>
      <c r="AA435" s="214">
        <v>1.5439754454729933E-2</v>
      </c>
      <c r="AB435" s="92">
        <v>1.9296050410471353E-2</v>
      </c>
    </row>
  </sheetData>
  <mergeCells count="59">
    <mergeCell ref="A293:S293"/>
    <mergeCell ref="A266:D266"/>
    <mergeCell ref="B295:J295"/>
    <mergeCell ref="A324:D324"/>
    <mergeCell ref="A322:D322"/>
    <mergeCell ref="K411:S411"/>
    <mergeCell ref="B411:J411"/>
    <mergeCell ref="A380:D380"/>
    <mergeCell ref="T411:AB411"/>
    <mergeCell ref="A294:S294"/>
    <mergeCell ref="A381:D381"/>
    <mergeCell ref="A382:D382"/>
    <mergeCell ref="K353:S353"/>
    <mergeCell ref="T353:AB353"/>
    <mergeCell ref="A3:D3"/>
    <mergeCell ref="A4:D4"/>
    <mergeCell ref="A5:D5"/>
    <mergeCell ref="A32:BD32"/>
    <mergeCell ref="A149:AH149"/>
    <mergeCell ref="A148:AH148"/>
    <mergeCell ref="A119:D119"/>
    <mergeCell ref="A120:D120"/>
    <mergeCell ref="A121:D121"/>
    <mergeCell ref="M34:W34"/>
    <mergeCell ref="A33:BD33"/>
    <mergeCell ref="A90:W90"/>
    <mergeCell ref="M92:W92"/>
    <mergeCell ref="A235:S235"/>
    <mergeCell ref="A410:AB410"/>
    <mergeCell ref="A409:AB409"/>
    <mergeCell ref="X150:AH150"/>
    <mergeCell ref="A206:D206"/>
    <mergeCell ref="A178:L178"/>
    <mergeCell ref="B150:L150"/>
    <mergeCell ref="M150:W150"/>
    <mergeCell ref="B179:L179"/>
    <mergeCell ref="AC353:AK353"/>
    <mergeCell ref="A207:D207"/>
    <mergeCell ref="A208:D208"/>
    <mergeCell ref="A323:D323"/>
    <mergeCell ref="K295:S295"/>
    <mergeCell ref="A264:D264"/>
    <mergeCell ref="A265:D265"/>
    <mergeCell ref="AL353:AT353"/>
    <mergeCell ref="A352:AT352"/>
    <mergeCell ref="A351:AT351"/>
    <mergeCell ref="B353:J353"/>
    <mergeCell ref="X34:AH34"/>
    <mergeCell ref="AI34:AS34"/>
    <mergeCell ref="B34:L34"/>
    <mergeCell ref="AT34:BD34"/>
    <mergeCell ref="B92:L92"/>
    <mergeCell ref="A91:W91"/>
    <mergeCell ref="A61:D61"/>
    <mergeCell ref="A62:D62"/>
    <mergeCell ref="A63:D63"/>
    <mergeCell ref="B237:J237"/>
    <mergeCell ref="K237:S237"/>
    <mergeCell ref="A236:S236"/>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A58"/>
  <sheetViews>
    <sheetView zoomScaleNormal="100" workbookViewId="0"/>
  </sheetViews>
  <sheetFormatPr defaultColWidth="21.28515625" defaultRowHeight="15"/>
  <cols>
    <col min="1" max="1" width="42.7109375" customWidth="1"/>
  </cols>
  <sheetData>
    <row r="1" spans="1:4" ht="31.5">
      <c r="A1" s="30" t="s">
        <v>52</v>
      </c>
    </row>
    <row r="3" spans="1:4" ht="18.75">
      <c r="A3" s="426" t="s">
        <v>17</v>
      </c>
      <c r="B3" s="426"/>
      <c r="C3" s="426"/>
      <c r="D3" s="426"/>
    </row>
    <row r="4" spans="1:4" ht="176.25" customHeight="1">
      <c r="A4" s="427" t="s">
        <v>436</v>
      </c>
      <c r="B4" s="427"/>
      <c r="C4" s="427"/>
      <c r="D4" s="427"/>
    </row>
    <row r="5" spans="1:4" ht="36.75" customHeight="1">
      <c r="A5" s="400" t="s">
        <v>149</v>
      </c>
      <c r="B5" s="400"/>
      <c r="C5" s="400"/>
      <c r="D5" s="400"/>
    </row>
    <row r="6" spans="1:4" ht="72">
      <c r="A6" s="32" t="s">
        <v>71</v>
      </c>
      <c r="B6" s="33" t="s">
        <v>72</v>
      </c>
      <c r="C6" s="34" t="s">
        <v>592</v>
      </c>
      <c r="D6" s="35" t="s">
        <v>73</v>
      </c>
    </row>
    <row r="7" spans="1:4" ht="60">
      <c r="A7" s="36"/>
      <c r="B7" s="37" t="s">
        <v>74</v>
      </c>
      <c r="C7" s="123" t="s">
        <v>150</v>
      </c>
      <c r="D7" s="39" t="s">
        <v>76</v>
      </c>
    </row>
    <row r="8" spans="1:4">
      <c r="A8" s="40" t="s">
        <v>350</v>
      </c>
      <c r="B8" s="216">
        <v>4275</v>
      </c>
      <c r="C8" s="79">
        <v>4.2385792530181288</v>
      </c>
      <c r="D8" s="80">
        <v>4.3532973073410114E-2</v>
      </c>
    </row>
    <row r="9" spans="1:4">
      <c r="A9" s="44" t="s">
        <v>351</v>
      </c>
      <c r="B9" s="44">
        <v>3994</v>
      </c>
      <c r="C9" s="218">
        <v>4.055070682855435</v>
      </c>
      <c r="D9" s="219">
        <v>4.4276035278054293E-2</v>
      </c>
    </row>
    <row r="10" spans="1:4">
      <c r="A10" s="40" t="s">
        <v>352</v>
      </c>
      <c r="B10" s="48">
        <v>281</v>
      </c>
      <c r="C10" s="79">
        <v>4.8525911245161026</v>
      </c>
      <c r="D10" s="80">
        <v>0.19225820332976956</v>
      </c>
    </row>
    <row r="11" spans="1:4">
      <c r="A11" s="44" t="s">
        <v>534</v>
      </c>
      <c r="B11" s="44">
        <v>1257</v>
      </c>
      <c r="C11" s="218">
        <v>4.3175315270877839</v>
      </c>
      <c r="D11" s="219">
        <v>7.8519510259914285E-2</v>
      </c>
    </row>
    <row r="12" spans="1:4">
      <c r="A12" s="40" t="s">
        <v>535</v>
      </c>
      <c r="B12" s="48">
        <v>1190</v>
      </c>
      <c r="C12" s="79">
        <v>3.9187098040061144</v>
      </c>
      <c r="D12" s="80">
        <v>7.9418139784167757E-2</v>
      </c>
    </row>
    <row r="13" spans="1:4">
      <c r="A13" s="44" t="s">
        <v>536</v>
      </c>
      <c r="B13" s="44">
        <v>168</v>
      </c>
      <c r="C13" s="218">
        <v>3.9851520486040175</v>
      </c>
      <c r="D13" s="219">
        <v>0.22241347232063785</v>
      </c>
    </row>
    <row r="14" spans="1:4">
      <c r="A14" s="40" t="s">
        <v>537</v>
      </c>
      <c r="B14" s="48">
        <v>42</v>
      </c>
      <c r="C14" s="79">
        <v>4.1056100446811046</v>
      </c>
      <c r="D14" s="80">
        <v>0.46038263945291391</v>
      </c>
    </row>
    <row r="15" spans="1:4">
      <c r="A15" s="44" t="s">
        <v>538</v>
      </c>
      <c r="B15" s="44">
        <v>25</v>
      </c>
      <c r="C15" s="218">
        <v>3.5849771469632246</v>
      </c>
      <c r="D15" s="219">
        <v>0.57983839556682093</v>
      </c>
    </row>
    <row r="16" spans="1:4">
      <c r="A16" s="40" t="s">
        <v>539</v>
      </c>
      <c r="B16" s="48">
        <v>26</v>
      </c>
      <c r="C16" s="79">
        <v>3.8716415969151035</v>
      </c>
      <c r="D16" s="80">
        <v>0.50969054203123809</v>
      </c>
    </row>
    <row r="17" spans="1:79">
      <c r="A17" s="44" t="s">
        <v>540</v>
      </c>
      <c r="B17" s="44">
        <v>37</v>
      </c>
      <c r="C17" s="218">
        <v>4.5258465244406345</v>
      </c>
      <c r="D17" s="219">
        <v>0.45417117886053587</v>
      </c>
    </row>
    <row r="18" spans="1:79">
      <c r="A18" s="40" t="s">
        <v>541</v>
      </c>
      <c r="B18" s="216">
        <v>38</v>
      </c>
      <c r="C18" s="79">
        <v>3.8463727032544983</v>
      </c>
      <c r="D18" s="80">
        <v>0.47855971980508438</v>
      </c>
    </row>
    <row r="19" spans="1:79">
      <c r="A19" s="44" t="s">
        <v>542</v>
      </c>
      <c r="B19" s="217">
        <v>314</v>
      </c>
      <c r="C19" s="218">
        <v>3.6773468053838343</v>
      </c>
      <c r="D19" s="219">
        <v>0.14103571788626273</v>
      </c>
    </row>
    <row r="20" spans="1:79">
      <c r="A20" s="40" t="s">
        <v>543</v>
      </c>
      <c r="B20" s="78">
        <v>29</v>
      </c>
      <c r="C20" s="79">
        <v>3.9951158606168615</v>
      </c>
      <c r="D20" s="80">
        <v>0.35310628137300215</v>
      </c>
    </row>
    <row r="21" spans="1:79">
      <c r="A21" s="44" t="s">
        <v>550</v>
      </c>
      <c r="B21" s="217">
        <v>48</v>
      </c>
      <c r="C21" s="218">
        <v>3.6041240503863006</v>
      </c>
      <c r="D21" s="219">
        <v>0.41311871247733289</v>
      </c>
    </row>
    <row r="22" spans="1:79">
      <c r="A22" s="52" t="s">
        <v>544</v>
      </c>
      <c r="B22" s="216">
        <v>67</v>
      </c>
      <c r="C22" s="79">
        <v>3.4743545302951762</v>
      </c>
      <c r="D22" s="80">
        <v>0.31460671797347572</v>
      </c>
    </row>
    <row r="23" spans="1:79">
      <c r="A23" s="44" t="s">
        <v>545</v>
      </c>
      <c r="B23" s="217">
        <v>84</v>
      </c>
      <c r="C23" s="218">
        <v>3.5483442320376581</v>
      </c>
      <c r="D23" s="219">
        <v>0.26193379205022588</v>
      </c>
    </row>
    <row r="24" spans="1:79">
      <c r="A24" s="52" t="s">
        <v>546</v>
      </c>
      <c r="B24" s="216">
        <v>31</v>
      </c>
      <c r="C24" s="79">
        <v>3.7964466518974924</v>
      </c>
      <c r="D24" s="80">
        <v>0.43063681783354757</v>
      </c>
    </row>
    <row r="25" spans="1:79">
      <c r="A25" s="44" t="s">
        <v>547</v>
      </c>
      <c r="B25" s="217">
        <v>55</v>
      </c>
      <c r="C25" s="218">
        <v>4.1630889373593041</v>
      </c>
      <c r="D25" s="219">
        <v>0.31608709933585033</v>
      </c>
    </row>
    <row r="26" spans="1:79">
      <c r="A26" s="52" t="s">
        <v>551</v>
      </c>
      <c r="B26" s="216">
        <v>103</v>
      </c>
      <c r="C26" s="79">
        <v>4.9474216981032724</v>
      </c>
      <c r="D26" s="80">
        <v>0.28146214487626292</v>
      </c>
    </row>
    <row r="27" spans="1:79">
      <c r="A27" s="44" t="s">
        <v>552</v>
      </c>
      <c r="B27" s="217">
        <v>36</v>
      </c>
      <c r="C27" s="218">
        <v>5.1671051512597836</v>
      </c>
      <c r="D27" s="219">
        <v>0.52153521477595288</v>
      </c>
    </row>
    <row r="28" spans="1:79">
      <c r="A28" s="52" t="s">
        <v>553</v>
      </c>
      <c r="B28" s="216">
        <v>24</v>
      </c>
      <c r="C28" s="79">
        <v>4.6877745905983126</v>
      </c>
      <c r="D28" s="80">
        <v>0.64030909183527263</v>
      </c>
    </row>
    <row r="29" spans="1:79">
      <c r="A29" s="44" t="s">
        <v>554</v>
      </c>
      <c r="B29" s="217">
        <v>43</v>
      </c>
      <c r="C29" s="218">
        <v>4.9384815359522394</v>
      </c>
      <c r="D29" s="219">
        <v>0.36947043676599511</v>
      </c>
    </row>
    <row r="30" spans="1:79">
      <c r="W30" s="242"/>
      <c r="X30" s="242"/>
      <c r="Y30" s="242"/>
      <c r="Z30" s="242"/>
      <c r="AA30" s="242"/>
      <c r="AB30" s="242"/>
      <c r="AC30" s="242"/>
      <c r="AD30" s="242"/>
      <c r="AE30" s="242"/>
      <c r="AF30" s="242"/>
      <c r="AG30" s="242"/>
      <c r="AH30" s="242"/>
      <c r="AI30" s="242"/>
      <c r="AJ30" s="242"/>
      <c r="AK30" s="242"/>
      <c r="AL30" s="242"/>
      <c r="AM30" s="242"/>
      <c r="AN30" s="242"/>
      <c r="AO30" s="242"/>
      <c r="AP30" s="242"/>
      <c r="AQ30" s="242"/>
      <c r="AR30" s="242"/>
      <c r="AS30" s="242"/>
      <c r="AT30" s="242"/>
      <c r="AU30" s="242"/>
      <c r="AV30" s="242"/>
      <c r="AW30" s="242"/>
      <c r="AX30" s="242"/>
      <c r="AY30" s="242"/>
      <c r="AZ30" s="242"/>
      <c r="BA30" s="242"/>
      <c r="BB30" s="242"/>
      <c r="BC30" s="242"/>
      <c r="BD30" s="242"/>
      <c r="BE30" s="242"/>
      <c r="BF30" s="242"/>
      <c r="BG30" s="242"/>
      <c r="BH30" s="242"/>
      <c r="BI30" s="242"/>
      <c r="BJ30" s="242"/>
      <c r="BK30" s="242"/>
      <c r="BL30" s="242"/>
      <c r="BM30" s="242"/>
      <c r="BN30" s="242"/>
      <c r="BO30" s="242"/>
      <c r="BP30" s="242"/>
      <c r="BQ30" s="242"/>
      <c r="BR30" s="242"/>
      <c r="BS30" s="242"/>
      <c r="BT30" s="242"/>
      <c r="BU30" s="242"/>
      <c r="BV30" s="242"/>
      <c r="BW30" s="242"/>
      <c r="BX30" s="242"/>
      <c r="BY30" s="242"/>
      <c r="BZ30" s="242"/>
      <c r="CA30" s="242"/>
    </row>
    <row r="31" spans="1:79">
      <c r="W31" s="242"/>
      <c r="X31" s="242"/>
      <c r="Y31" s="242"/>
      <c r="Z31" s="242"/>
      <c r="AA31" s="242"/>
      <c r="AB31" s="242"/>
      <c r="AC31" s="242"/>
      <c r="AD31" s="242"/>
      <c r="AE31" s="242"/>
      <c r="AF31" s="242"/>
      <c r="AG31" s="242"/>
      <c r="AH31" s="242"/>
      <c r="AI31" s="242"/>
      <c r="AJ31" s="242"/>
      <c r="AK31" s="242"/>
      <c r="AL31" s="242"/>
      <c r="AM31" s="242"/>
      <c r="AN31" s="242"/>
      <c r="AO31" s="242"/>
      <c r="AP31" s="242"/>
      <c r="AQ31" s="242"/>
      <c r="AR31" s="242"/>
      <c r="AS31" s="242"/>
      <c r="AT31" s="242"/>
      <c r="AU31" s="242"/>
      <c r="AV31" s="242"/>
      <c r="AW31" s="242"/>
      <c r="AX31" s="242"/>
      <c r="AY31" s="242"/>
      <c r="AZ31" s="242"/>
      <c r="BA31" s="242"/>
      <c r="BB31" s="242"/>
      <c r="BC31" s="242"/>
      <c r="BD31" s="242"/>
      <c r="BE31" s="242"/>
      <c r="BF31" s="242"/>
      <c r="BG31" s="242"/>
      <c r="BH31" s="242"/>
      <c r="BI31" s="242"/>
      <c r="BJ31" s="242"/>
      <c r="BK31" s="242"/>
      <c r="BL31" s="242"/>
      <c r="BM31" s="242"/>
      <c r="BN31" s="242"/>
      <c r="BO31" s="242"/>
      <c r="BP31" s="242"/>
      <c r="BQ31" s="242"/>
      <c r="BR31" s="242"/>
      <c r="BS31" s="242"/>
      <c r="BT31" s="242"/>
      <c r="BU31" s="242"/>
      <c r="BV31" s="242"/>
      <c r="BW31" s="242"/>
      <c r="BX31" s="242"/>
      <c r="BY31" s="242"/>
      <c r="BZ31" s="242"/>
      <c r="CA31" s="242"/>
    </row>
    <row r="32" spans="1:79" ht="18.75">
      <c r="A32" s="424" t="s">
        <v>53</v>
      </c>
      <c r="B32" s="424"/>
      <c r="C32" s="424"/>
      <c r="D32" s="424"/>
      <c r="E32" s="424"/>
      <c r="F32" s="424"/>
      <c r="G32" s="424"/>
      <c r="H32" s="424"/>
      <c r="I32" s="424"/>
      <c r="J32" s="424"/>
      <c r="K32" s="424"/>
      <c r="L32" s="424"/>
      <c r="M32" s="424"/>
      <c r="N32" s="424"/>
      <c r="O32" s="424"/>
      <c r="P32" s="424"/>
      <c r="Q32" s="424"/>
      <c r="R32" s="424"/>
      <c r="S32" s="424"/>
      <c r="T32" s="424"/>
      <c r="U32" s="424"/>
      <c r="V32" s="424"/>
      <c r="W32" s="424"/>
      <c r="X32" s="424"/>
      <c r="Y32" s="424"/>
      <c r="Z32" s="424"/>
      <c r="AA32" s="424"/>
      <c r="AB32" s="424"/>
      <c r="AC32" s="424"/>
      <c r="AD32" s="424"/>
      <c r="AE32" s="424"/>
      <c r="AF32" s="424"/>
      <c r="AG32" s="424"/>
      <c r="AH32" s="424"/>
      <c r="AI32" s="424"/>
      <c r="AJ32" s="424"/>
      <c r="AK32" s="424"/>
      <c r="AL32" s="424"/>
      <c r="AM32" s="424"/>
      <c r="AN32" s="424"/>
      <c r="AO32" s="424"/>
      <c r="AP32" s="424"/>
      <c r="AQ32" s="424"/>
      <c r="AR32" s="424"/>
      <c r="AS32" s="424"/>
      <c r="AT32" s="424"/>
      <c r="AU32" s="424"/>
      <c r="AV32" s="424"/>
      <c r="AW32" s="424"/>
      <c r="AX32" s="424"/>
      <c r="AY32" s="424"/>
      <c r="AZ32" s="424"/>
      <c r="BA32" s="424"/>
      <c r="BB32" s="424"/>
      <c r="BC32" s="424"/>
      <c r="BD32" s="424"/>
      <c r="BE32" s="424"/>
      <c r="BF32" s="424"/>
      <c r="BG32" s="424"/>
      <c r="BH32" s="424"/>
      <c r="BI32" s="424"/>
      <c r="BJ32" s="424"/>
      <c r="BK32" s="424"/>
      <c r="BL32" s="424"/>
      <c r="BM32" s="424"/>
      <c r="BN32" s="424"/>
      <c r="BO32" s="424"/>
      <c r="BP32" s="424"/>
      <c r="BQ32" s="424"/>
      <c r="BR32" s="424"/>
      <c r="BS32" s="424"/>
      <c r="BT32" s="424"/>
      <c r="BU32" s="424"/>
      <c r="BV32" s="424"/>
      <c r="BW32" s="424"/>
      <c r="BX32" s="424"/>
      <c r="BY32" s="424"/>
      <c r="BZ32" s="424"/>
    </row>
    <row r="33" spans="1:78" ht="87.75" customHeight="1">
      <c r="A33" s="425" t="s">
        <v>605</v>
      </c>
      <c r="B33" s="425"/>
      <c r="C33" s="425"/>
      <c r="D33" s="425"/>
      <c r="E33" s="425"/>
      <c r="F33" s="425"/>
      <c r="G33" s="425"/>
      <c r="H33" s="425"/>
      <c r="I33" s="425"/>
      <c r="J33" s="425"/>
      <c r="K33" s="425"/>
      <c r="L33" s="425"/>
      <c r="M33" s="425"/>
      <c r="N33" s="425"/>
      <c r="O33" s="425"/>
      <c r="P33" s="425"/>
      <c r="Q33" s="425"/>
      <c r="R33" s="425"/>
      <c r="S33" s="425"/>
      <c r="T33" s="425"/>
      <c r="U33" s="425"/>
      <c r="V33" s="425"/>
      <c r="W33" s="425"/>
      <c r="X33" s="425"/>
      <c r="Y33" s="425"/>
      <c r="Z33" s="425"/>
      <c r="AA33" s="425"/>
      <c r="AB33" s="425"/>
      <c r="AC33" s="425"/>
      <c r="AD33" s="425"/>
      <c r="AE33" s="425"/>
      <c r="AF33" s="425"/>
      <c r="AG33" s="425"/>
      <c r="AH33" s="425"/>
      <c r="AI33" s="425"/>
      <c r="AJ33" s="425"/>
      <c r="AK33" s="425"/>
      <c r="AL33" s="425"/>
      <c r="AM33" s="425"/>
      <c r="AN33" s="425"/>
      <c r="AO33" s="425"/>
      <c r="AP33" s="425"/>
      <c r="AQ33" s="425"/>
      <c r="AR33" s="425"/>
      <c r="AS33" s="425"/>
      <c r="AT33" s="425"/>
      <c r="AU33" s="425"/>
      <c r="AV33" s="425"/>
      <c r="AW33" s="425"/>
      <c r="AX33" s="425"/>
      <c r="AY33" s="425"/>
      <c r="AZ33" s="425"/>
      <c r="BA33" s="425"/>
      <c r="BB33" s="425"/>
      <c r="BC33" s="425"/>
      <c r="BD33" s="425"/>
      <c r="BE33" s="425"/>
      <c r="BF33" s="425"/>
      <c r="BG33" s="425"/>
      <c r="BH33" s="425"/>
      <c r="BI33" s="425"/>
      <c r="BJ33" s="425"/>
      <c r="BK33" s="425"/>
      <c r="BL33" s="425"/>
      <c r="BM33" s="425"/>
      <c r="BN33" s="425"/>
      <c r="BO33" s="425"/>
      <c r="BP33" s="425"/>
      <c r="BQ33" s="425"/>
      <c r="BR33" s="425"/>
      <c r="BS33" s="425"/>
      <c r="BT33" s="425"/>
      <c r="BU33" s="425"/>
      <c r="BV33" s="425"/>
      <c r="BW33" s="425"/>
      <c r="BX33" s="425"/>
      <c r="BY33" s="425"/>
      <c r="BZ33" s="425"/>
    </row>
    <row r="34" spans="1:78" ht="33.75" customHeight="1">
      <c r="A34" s="59"/>
      <c r="B34" s="351" t="s">
        <v>437</v>
      </c>
      <c r="C34" s="351"/>
      <c r="D34" s="351"/>
      <c r="E34" s="351"/>
      <c r="F34" s="351"/>
      <c r="G34" s="351"/>
      <c r="H34" s="351"/>
      <c r="I34" s="403" t="s">
        <v>438</v>
      </c>
      <c r="J34" s="404"/>
      <c r="K34" s="404"/>
      <c r="L34" s="404"/>
      <c r="M34" s="404"/>
      <c r="N34" s="404"/>
      <c r="O34" s="405"/>
      <c r="P34" s="403" t="s">
        <v>439</v>
      </c>
      <c r="Q34" s="404"/>
      <c r="R34" s="404"/>
      <c r="S34" s="404"/>
      <c r="T34" s="404"/>
      <c r="U34" s="404"/>
      <c r="V34" s="405"/>
      <c r="W34" s="403" t="s">
        <v>440</v>
      </c>
      <c r="X34" s="404"/>
      <c r="Y34" s="404"/>
      <c r="Z34" s="404"/>
      <c r="AA34" s="404"/>
      <c r="AB34" s="404"/>
      <c r="AC34" s="405"/>
      <c r="AD34" s="403" t="s">
        <v>441</v>
      </c>
      <c r="AE34" s="404"/>
      <c r="AF34" s="404"/>
      <c r="AG34" s="404"/>
      <c r="AH34" s="404"/>
      <c r="AI34" s="404"/>
      <c r="AJ34" s="405"/>
      <c r="AK34" s="403" t="s">
        <v>442</v>
      </c>
      <c r="AL34" s="404"/>
      <c r="AM34" s="404"/>
      <c r="AN34" s="404"/>
      <c r="AO34" s="404"/>
      <c r="AP34" s="404"/>
      <c r="AQ34" s="405"/>
      <c r="AR34" s="403" t="s">
        <v>443</v>
      </c>
      <c r="AS34" s="404"/>
      <c r="AT34" s="404"/>
      <c r="AU34" s="404"/>
      <c r="AV34" s="404"/>
      <c r="AW34" s="404"/>
      <c r="AX34" s="405"/>
      <c r="AY34" s="403" t="s">
        <v>444</v>
      </c>
      <c r="AZ34" s="404"/>
      <c r="BA34" s="404"/>
      <c r="BB34" s="404"/>
      <c r="BC34" s="404"/>
      <c r="BD34" s="404"/>
      <c r="BE34" s="405"/>
      <c r="BF34" s="403" t="s">
        <v>445</v>
      </c>
      <c r="BG34" s="404"/>
      <c r="BH34" s="404"/>
      <c r="BI34" s="404"/>
      <c r="BJ34" s="404"/>
      <c r="BK34" s="404"/>
      <c r="BL34" s="405"/>
      <c r="BM34" s="351" t="s">
        <v>446</v>
      </c>
      <c r="BN34" s="351"/>
      <c r="BO34" s="351"/>
      <c r="BP34" s="351"/>
      <c r="BQ34" s="351"/>
      <c r="BR34" s="351"/>
      <c r="BS34" s="351"/>
      <c r="BT34" s="351" t="s">
        <v>447</v>
      </c>
      <c r="BU34" s="351"/>
      <c r="BV34" s="351"/>
      <c r="BW34" s="351"/>
      <c r="BX34" s="351"/>
      <c r="BY34" s="351"/>
      <c r="BZ34" s="351"/>
    </row>
    <row r="35" spans="1:78" ht="72">
      <c r="A35" s="32" t="s">
        <v>71</v>
      </c>
      <c r="B35" s="33" t="s">
        <v>72</v>
      </c>
      <c r="C35" s="33" t="s">
        <v>451</v>
      </c>
      <c r="D35" s="84" t="s">
        <v>533</v>
      </c>
      <c r="E35" s="33" t="s">
        <v>449</v>
      </c>
      <c r="F35" s="84" t="s">
        <v>450</v>
      </c>
      <c r="G35" s="33" t="s">
        <v>448</v>
      </c>
      <c r="H35" s="84" t="s">
        <v>452</v>
      </c>
      <c r="I35" s="60" t="s">
        <v>72</v>
      </c>
      <c r="J35" s="60" t="s">
        <v>451</v>
      </c>
      <c r="K35" s="83" t="s">
        <v>533</v>
      </c>
      <c r="L35" s="60" t="s">
        <v>449</v>
      </c>
      <c r="M35" s="83" t="s">
        <v>450</v>
      </c>
      <c r="N35" s="60" t="s">
        <v>448</v>
      </c>
      <c r="O35" s="83" t="s">
        <v>452</v>
      </c>
      <c r="P35" s="33" t="s">
        <v>72</v>
      </c>
      <c r="Q35" s="33" t="s">
        <v>451</v>
      </c>
      <c r="R35" s="84" t="s">
        <v>533</v>
      </c>
      <c r="S35" s="33" t="s">
        <v>449</v>
      </c>
      <c r="T35" s="84" t="s">
        <v>450</v>
      </c>
      <c r="U35" s="33" t="s">
        <v>448</v>
      </c>
      <c r="V35" s="84" t="s">
        <v>452</v>
      </c>
      <c r="W35" s="60" t="s">
        <v>72</v>
      </c>
      <c r="X35" s="60" t="s">
        <v>451</v>
      </c>
      <c r="Y35" s="83" t="s">
        <v>533</v>
      </c>
      <c r="Z35" s="60" t="s">
        <v>449</v>
      </c>
      <c r="AA35" s="83" t="s">
        <v>450</v>
      </c>
      <c r="AB35" s="60" t="s">
        <v>448</v>
      </c>
      <c r="AC35" s="83" t="s">
        <v>452</v>
      </c>
      <c r="AD35" s="33" t="s">
        <v>72</v>
      </c>
      <c r="AE35" s="33" t="s">
        <v>451</v>
      </c>
      <c r="AF35" s="84" t="s">
        <v>533</v>
      </c>
      <c r="AG35" s="33" t="s">
        <v>449</v>
      </c>
      <c r="AH35" s="84" t="s">
        <v>450</v>
      </c>
      <c r="AI35" s="33" t="s">
        <v>448</v>
      </c>
      <c r="AJ35" s="84" t="s">
        <v>452</v>
      </c>
      <c r="AK35" s="60" t="s">
        <v>72</v>
      </c>
      <c r="AL35" s="60" t="s">
        <v>451</v>
      </c>
      <c r="AM35" s="83" t="s">
        <v>533</v>
      </c>
      <c r="AN35" s="60" t="s">
        <v>449</v>
      </c>
      <c r="AO35" s="83" t="s">
        <v>450</v>
      </c>
      <c r="AP35" s="60" t="s">
        <v>448</v>
      </c>
      <c r="AQ35" s="83" t="s">
        <v>452</v>
      </c>
      <c r="AR35" s="33" t="s">
        <v>72</v>
      </c>
      <c r="AS35" s="33" t="s">
        <v>451</v>
      </c>
      <c r="AT35" s="84" t="s">
        <v>533</v>
      </c>
      <c r="AU35" s="33" t="s">
        <v>449</v>
      </c>
      <c r="AV35" s="84" t="s">
        <v>450</v>
      </c>
      <c r="AW35" s="33" t="s">
        <v>448</v>
      </c>
      <c r="AX35" s="84" t="s">
        <v>452</v>
      </c>
      <c r="AY35" s="60" t="s">
        <v>72</v>
      </c>
      <c r="AZ35" s="60" t="s">
        <v>451</v>
      </c>
      <c r="BA35" s="83" t="s">
        <v>533</v>
      </c>
      <c r="BB35" s="60" t="s">
        <v>449</v>
      </c>
      <c r="BC35" s="83" t="s">
        <v>450</v>
      </c>
      <c r="BD35" s="60" t="s">
        <v>448</v>
      </c>
      <c r="BE35" s="83" t="s">
        <v>452</v>
      </c>
      <c r="BF35" s="33" t="s">
        <v>72</v>
      </c>
      <c r="BG35" s="33" t="s">
        <v>451</v>
      </c>
      <c r="BH35" s="84" t="s">
        <v>533</v>
      </c>
      <c r="BI35" s="33" t="s">
        <v>449</v>
      </c>
      <c r="BJ35" s="84" t="s">
        <v>450</v>
      </c>
      <c r="BK35" s="33" t="s">
        <v>448</v>
      </c>
      <c r="BL35" s="84" t="s">
        <v>452</v>
      </c>
      <c r="BM35" s="60" t="s">
        <v>72</v>
      </c>
      <c r="BN35" s="60" t="s">
        <v>451</v>
      </c>
      <c r="BO35" s="83" t="s">
        <v>533</v>
      </c>
      <c r="BP35" s="60" t="s">
        <v>449</v>
      </c>
      <c r="BQ35" s="83" t="s">
        <v>450</v>
      </c>
      <c r="BR35" s="60" t="s">
        <v>448</v>
      </c>
      <c r="BS35" s="83" t="s">
        <v>452</v>
      </c>
      <c r="BT35" s="33" t="s">
        <v>72</v>
      </c>
      <c r="BU35" s="33" t="s">
        <v>451</v>
      </c>
      <c r="BV35" s="84" t="s">
        <v>533</v>
      </c>
      <c r="BW35" s="33" t="s">
        <v>449</v>
      </c>
      <c r="BX35" s="84" t="s">
        <v>450</v>
      </c>
      <c r="BY35" s="33" t="s">
        <v>448</v>
      </c>
      <c r="BZ35" s="84" t="s">
        <v>452</v>
      </c>
    </row>
    <row r="36" spans="1:78" ht="60">
      <c r="A36" s="36"/>
      <c r="B36" s="37" t="s">
        <v>74</v>
      </c>
      <c r="C36" s="37" t="s">
        <v>161</v>
      </c>
      <c r="D36" s="86" t="s">
        <v>88</v>
      </c>
      <c r="E36" s="37" t="s">
        <v>160</v>
      </c>
      <c r="F36" s="86" t="s">
        <v>88</v>
      </c>
      <c r="G36" s="37" t="s">
        <v>159</v>
      </c>
      <c r="H36" s="86" t="s">
        <v>88</v>
      </c>
      <c r="I36" s="63" t="s">
        <v>74</v>
      </c>
      <c r="J36" s="63" t="s">
        <v>161</v>
      </c>
      <c r="K36" s="85" t="s">
        <v>88</v>
      </c>
      <c r="L36" s="63" t="s">
        <v>160</v>
      </c>
      <c r="M36" s="85" t="s">
        <v>88</v>
      </c>
      <c r="N36" s="63" t="s">
        <v>159</v>
      </c>
      <c r="O36" s="85" t="s">
        <v>88</v>
      </c>
      <c r="P36" s="37" t="s">
        <v>74</v>
      </c>
      <c r="Q36" s="37" t="s">
        <v>161</v>
      </c>
      <c r="R36" s="86" t="s">
        <v>88</v>
      </c>
      <c r="S36" s="37" t="s">
        <v>160</v>
      </c>
      <c r="T36" s="86" t="s">
        <v>88</v>
      </c>
      <c r="U36" s="37" t="s">
        <v>159</v>
      </c>
      <c r="V36" s="86" t="s">
        <v>88</v>
      </c>
      <c r="W36" s="63" t="s">
        <v>74</v>
      </c>
      <c r="X36" s="63" t="s">
        <v>161</v>
      </c>
      <c r="Y36" s="85" t="s">
        <v>88</v>
      </c>
      <c r="Z36" s="63" t="s">
        <v>160</v>
      </c>
      <c r="AA36" s="85" t="s">
        <v>88</v>
      </c>
      <c r="AB36" s="63" t="s">
        <v>159</v>
      </c>
      <c r="AC36" s="85" t="s">
        <v>88</v>
      </c>
      <c r="AD36" s="37" t="s">
        <v>74</v>
      </c>
      <c r="AE36" s="37" t="s">
        <v>161</v>
      </c>
      <c r="AF36" s="86" t="s">
        <v>88</v>
      </c>
      <c r="AG36" s="37" t="s">
        <v>160</v>
      </c>
      <c r="AH36" s="86" t="s">
        <v>88</v>
      </c>
      <c r="AI36" s="37" t="s">
        <v>159</v>
      </c>
      <c r="AJ36" s="86" t="s">
        <v>88</v>
      </c>
      <c r="AK36" s="63" t="s">
        <v>74</v>
      </c>
      <c r="AL36" s="63" t="s">
        <v>161</v>
      </c>
      <c r="AM36" s="85" t="s">
        <v>88</v>
      </c>
      <c r="AN36" s="63" t="s">
        <v>160</v>
      </c>
      <c r="AO36" s="85" t="s">
        <v>88</v>
      </c>
      <c r="AP36" s="63" t="s">
        <v>159</v>
      </c>
      <c r="AQ36" s="85" t="s">
        <v>88</v>
      </c>
      <c r="AR36" s="37" t="s">
        <v>74</v>
      </c>
      <c r="AS36" s="37" t="s">
        <v>161</v>
      </c>
      <c r="AT36" s="86" t="s">
        <v>88</v>
      </c>
      <c r="AU36" s="37" t="s">
        <v>160</v>
      </c>
      <c r="AV36" s="86" t="s">
        <v>88</v>
      </c>
      <c r="AW36" s="37" t="s">
        <v>159</v>
      </c>
      <c r="AX36" s="86" t="s">
        <v>88</v>
      </c>
      <c r="AY36" s="63" t="s">
        <v>74</v>
      </c>
      <c r="AZ36" s="63" t="s">
        <v>161</v>
      </c>
      <c r="BA36" s="85" t="s">
        <v>88</v>
      </c>
      <c r="BB36" s="63" t="s">
        <v>160</v>
      </c>
      <c r="BC36" s="85" t="s">
        <v>88</v>
      </c>
      <c r="BD36" s="63" t="s">
        <v>159</v>
      </c>
      <c r="BE36" s="85" t="s">
        <v>88</v>
      </c>
      <c r="BF36" s="37" t="s">
        <v>74</v>
      </c>
      <c r="BG36" s="37" t="s">
        <v>161</v>
      </c>
      <c r="BH36" s="86" t="s">
        <v>88</v>
      </c>
      <c r="BI36" s="37" t="s">
        <v>160</v>
      </c>
      <c r="BJ36" s="86" t="s">
        <v>88</v>
      </c>
      <c r="BK36" s="37" t="s">
        <v>159</v>
      </c>
      <c r="BL36" s="86" t="s">
        <v>88</v>
      </c>
      <c r="BM36" s="63" t="s">
        <v>74</v>
      </c>
      <c r="BN36" s="63" t="s">
        <v>161</v>
      </c>
      <c r="BO36" s="85" t="s">
        <v>88</v>
      </c>
      <c r="BP36" s="63" t="s">
        <v>160</v>
      </c>
      <c r="BQ36" s="85" t="s">
        <v>88</v>
      </c>
      <c r="BR36" s="63" t="s">
        <v>159</v>
      </c>
      <c r="BS36" s="85" t="s">
        <v>88</v>
      </c>
      <c r="BT36" s="37" t="s">
        <v>74</v>
      </c>
      <c r="BU36" s="37" t="s">
        <v>161</v>
      </c>
      <c r="BV36" s="86" t="s">
        <v>88</v>
      </c>
      <c r="BW36" s="37" t="s">
        <v>160</v>
      </c>
      <c r="BX36" s="86" t="s">
        <v>88</v>
      </c>
      <c r="BY36" s="37" t="s">
        <v>159</v>
      </c>
      <c r="BZ36" s="86" t="s">
        <v>88</v>
      </c>
    </row>
    <row r="37" spans="1:78">
      <c r="A37" s="40" t="s">
        <v>350</v>
      </c>
      <c r="B37" s="320">
        <v>5956</v>
      </c>
      <c r="C37" s="321">
        <v>0.37049069428944598</v>
      </c>
      <c r="D37" s="316">
        <v>1.2511735318604604E-2</v>
      </c>
      <c r="E37" s="321">
        <v>0.1599777478250527</v>
      </c>
      <c r="F37" s="316">
        <v>9.5023841602421659E-3</v>
      </c>
      <c r="G37" s="321">
        <v>0.46953155788551576</v>
      </c>
      <c r="H37" s="316">
        <v>1.2929154394251645E-2</v>
      </c>
      <c r="I37" s="320">
        <v>5922</v>
      </c>
      <c r="J37" s="321">
        <v>0.3202704189255845</v>
      </c>
      <c r="K37" s="316">
        <v>1.2123252485466772E-2</v>
      </c>
      <c r="L37" s="321">
        <v>0.20725273765163249</v>
      </c>
      <c r="M37" s="316">
        <v>1.0534634910465399E-2</v>
      </c>
      <c r="N37" s="321">
        <v>0.47247684342279844</v>
      </c>
      <c r="O37" s="316">
        <v>1.2970630604819199E-2</v>
      </c>
      <c r="P37" s="320">
        <v>5468</v>
      </c>
      <c r="Q37" s="321">
        <v>0.30206896910918485</v>
      </c>
      <c r="R37" s="316">
        <v>1.2415814816631163E-2</v>
      </c>
      <c r="S37" s="321">
        <v>0.18346284940323676</v>
      </c>
      <c r="T37" s="316">
        <v>1.046962551040026E-2</v>
      </c>
      <c r="U37" s="321">
        <v>0.51446818148759343</v>
      </c>
      <c r="V37" s="316">
        <v>1.3512799261988374E-2</v>
      </c>
      <c r="W37" s="320">
        <v>5447</v>
      </c>
      <c r="X37" s="321">
        <v>0.35307457444302009</v>
      </c>
      <c r="Y37" s="316">
        <v>1.294739336443374E-2</v>
      </c>
      <c r="Z37" s="321">
        <v>0.10886926160360699</v>
      </c>
      <c r="AA37" s="316">
        <v>8.4472826242000202E-3</v>
      </c>
      <c r="AB37" s="321">
        <v>0.53805616395338862</v>
      </c>
      <c r="AC37" s="316">
        <v>1.3505235281819442E-2</v>
      </c>
      <c r="AD37" s="320">
        <v>6309</v>
      </c>
      <c r="AE37" s="321">
        <v>0.49453297063703761</v>
      </c>
      <c r="AF37" s="316">
        <v>1.2585085660763469E-2</v>
      </c>
      <c r="AG37" s="321">
        <v>0.14843995879291633</v>
      </c>
      <c r="AH37" s="316">
        <v>8.9549662678002472E-3</v>
      </c>
      <c r="AI37" s="321">
        <v>0.35702707057006011</v>
      </c>
      <c r="AJ37" s="316">
        <v>1.2061005418285576E-2</v>
      </c>
      <c r="AK37" s="320">
        <v>5518</v>
      </c>
      <c r="AL37" s="321">
        <v>0.52547463879812939</v>
      </c>
      <c r="AM37" s="316">
        <v>1.3439657691013346E-2</v>
      </c>
      <c r="AN37" s="321">
        <v>0.15759180430687189</v>
      </c>
      <c r="AO37" s="316">
        <v>9.8126758486079737E-3</v>
      </c>
      <c r="AP37" s="321">
        <v>0.31693355689501318</v>
      </c>
      <c r="AQ37" s="316">
        <v>1.2524086529603429E-2</v>
      </c>
      <c r="AR37" s="320">
        <v>6397</v>
      </c>
      <c r="AS37" s="321">
        <v>0.60834290820929027</v>
      </c>
      <c r="AT37" s="316">
        <v>1.2202439694925581E-2</v>
      </c>
      <c r="AU37" s="321">
        <v>0.14008316377450217</v>
      </c>
      <c r="AV37" s="316">
        <v>8.6819811996107551E-3</v>
      </c>
      <c r="AW37" s="321">
        <v>0.25157392801621475</v>
      </c>
      <c r="AX37" s="316">
        <v>1.084931357554981E-2</v>
      </c>
      <c r="AY37" s="320">
        <v>5390</v>
      </c>
      <c r="AZ37" s="321">
        <v>0.24103991578375566</v>
      </c>
      <c r="BA37" s="316">
        <v>1.1650550775255196E-2</v>
      </c>
      <c r="BB37" s="321">
        <v>0.16863534246044068</v>
      </c>
      <c r="BC37" s="316">
        <v>1.0202264964101456E-2</v>
      </c>
      <c r="BD37" s="321">
        <v>0.59032474175581984</v>
      </c>
      <c r="BE37" s="316">
        <v>1.3392163596050935E-2</v>
      </c>
      <c r="BF37" s="320">
        <v>6291</v>
      </c>
      <c r="BG37" s="321">
        <v>0.43285923832274098</v>
      </c>
      <c r="BH37" s="316">
        <v>1.2489813994813911E-2</v>
      </c>
      <c r="BI37" s="321">
        <v>0.1933525925834344</v>
      </c>
      <c r="BJ37" s="316">
        <v>9.9589891674521595E-3</v>
      </c>
      <c r="BK37" s="321">
        <v>0.37378816909383761</v>
      </c>
      <c r="BL37" s="316">
        <v>1.2196193659193085E-2</v>
      </c>
      <c r="BM37" s="320">
        <v>6457</v>
      </c>
      <c r="BN37" s="321">
        <v>0.47806856692483712</v>
      </c>
      <c r="BO37" s="316">
        <v>1.2428893438964349E-2</v>
      </c>
      <c r="BP37" s="321">
        <v>0.13367186186627561</v>
      </c>
      <c r="BQ37" s="316">
        <v>8.4733001245156179E-3</v>
      </c>
      <c r="BR37" s="321">
        <v>0.38825957120890364</v>
      </c>
      <c r="BS37" s="316">
        <v>1.2126596623413729E-2</v>
      </c>
      <c r="BT37" s="320">
        <v>4556</v>
      </c>
      <c r="BU37" s="321">
        <v>0.45051591088299064</v>
      </c>
      <c r="BV37" s="316">
        <v>1.4736147791075243E-2</v>
      </c>
      <c r="BW37" s="321">
        <v>0.16245235770160246</v>
      </c>
      <c r="BX37" s="316">
        <v>1.0932865046227843E-2</v>
      </c>
      <c r="BY37" s="321">
        <v>0.38703173141542258</v>
      </c>
      <c r="BZ37" s="316">
        <v>1.442647875141443E-2</v>
      </c>
    </row>
    <row r="38" spans="1:78">
      <c r="A38" s="44" t="s">
        <v>351</v>
      </c>
      <c r="B38" s="210">
        <v>5550</v>
      </c>
      <c r="C38" s="214">
        <v>0.38847304466882099</v>
      </c>
      <c r="D38" s="92">
        <v>1.3080720773607194E-2</v>
      </c>
      <c r="E38" s="214">
        <v>0.15890324539520123</v>
      </c>
      <c r="F38" s="92">
        <v>9.8172179131273581E-3</v>
      </c>
      <c r="G38" s="214">
        <v>0.45262370993599282</v>
      </c>
      <c r="H38" s="92">
        <v>1.3358002837709698E-2</v>
      </c>
      <c r="I38" s="210">
        <v>5547</v>
      </c>
      <c r="J38" s="214">
        <v>0.34842666060615252</v>
      </c>
      <c r="K38" s="92">
        <v>1.2791261576870834E-2</v>
      </c>
      <c r="L38" s="214">
        <v>0.21645049950628806</v>
      </c>
      <c r="M38" s="92">
        <v>1.1058727314933278E-2</v>
      </c>
      <c r="N38" s="214">
        <v>0.43512283988757489</v>
      </c>
      <c r="O38" s="92">
        <v>1.3308609639994364E-2</v>
      </c>
      <c r="P38" s="210">
        <v>5112</v>
      </c>
      <c r="Q38" s="214">
        <v>0.32866869232172857</v>
      </c>
      <c r="R38" s="92">
        <v>1.3135829378071577E-2</v>
      </c>
      <c r="S38" s="214">
        <v>0.1871438296797075</v>
      </c>
      <c r="T38" s="92">
        <v>1.0911328310163483E-2</v>
      </c>
      <c r="U38" s="214">
        <v>0.48418747799857975</v>
      </c>
      <c r="V38" s="92">
        <v>1.3973904949301797E-2</v>
      </c>
      <c r="W38" s="210">
        <v>5068</v>
      </c>
      <c r="X38" s="214">
        <v>0.3962727834225182</v>
      </c>
      <c r="Y38" s="92">
        <v>1.3736410790152219E-2</v>
      </c>
      <c r="Z38" s="214">
        <v>0.11936256301415138</v>
      </c>
      <c r="AA38" s="92">
        <v>9.1147424722684469E-3</v>
      </c>
      <c r="AB38" s="214">
        <v>0.48436465356334829</v>
      </c>
      <c r="AC38" s="92">
        <v>1.4034542823167717E-2</v>
      </c>
      <c r="AD38" s="210">
        <v>5874</v>
      </c>
      <c r="AE38" s="214">
        <v>0.51061691895571304</v>
      </c>
      <c r="AF38" s="92">
        <v>1.3040294930018449E-2</v>
      </c>
      <c r="AG38" s="214">
        <v>0.15647670014792994</v>
      </c>
      <c r="AH38" s="92">
        <v>9.4831487834469985E-3</v>
      </c>
      <c r="AI38" s="214">
        <v>0.33290638089637303</v>
      </c>
      <c r="AJ38" s="92">
        <v>1.2294384680554087E-2</v>
      </c>
      <c r="AK38" s="210">
        <v>5156</v>
      </c>
      <c r="AL38" s="214">
        <v>0.53898350481879531</v>
      </c>
      <c r="AM38" s="92">
        <v>1.3878840109256026E-2</v>
      </c>
      <c r="AN38" s="214">
        <v>0.16639969075272215</v>
      </c>
      <c r="AO38" s="92">
        <v>1.0376004971847158E-2</v>
      </c>
      <c r="AP38" s="214">
        <v>0.29461680442849547</v>
      </c>
      <c r="AQ38" s="92">
        <v>1.2694475282381528E-2</v>
      </c>
      <c r="AR38" s="210">
        <v>5971</v>
      </c>
      <c r="AS38" s="214">
        <v>0.64401070625015966</v>
      </c>
      <c r="AT38" s="92">
        <v>1.2389459010041251E-2</v>
      </c>
      <c r="AU38" s="214">
        <v>0.1492546452857231</v>
      </c>
      <c r="AV38" s="92">
        <v>9.2258453436001864E-3</v>
      </c>
      <c r="AW38" s="214">
        <v>0.20673464846413378</v>
      </c>
      <c r="AX38" s="92">
        <v>1.048164117595389E-2</v>
      </c>
      <c r="AY38" s="210">
        <v>5052</v>
      </c>
      <c r="AZ38" s="214">
        <v>0.25823944813279925</v>
      </c>
      <c r="BA38" s="92">
        <v>1.2313298109162462E-2</v>
      </c>
      <c r="BB38" s="214">
        <v>0.17417349923654613</v>
      </c>
      <c r="BC38" s="92">
        <v>1.0673706464127512E-2</v>
      </c>
      <c r="BD38" s="214">
        <v>0.56758705263067077</v>
      </c>
      <c r="BE38" s="92">
        <v>1.3934726204684621E-2</v>
      </c>
      <c r="BF38" s="210">
        <v>5856</v>
      </c>
      <c r="BG38" s="214">
        <v>0.44419665227829086</v>
      </c>
      <c r="BH38" s="92">
        <v>1.2981747126674574E-2</v>
      </c>
      <c r="BI38" s="214">
        <v>0.19600221765628845</v>
      </c>
      <c r="BJ38" s="92">
        <v>1.0375590566453752E-2</v>
      </c>
      <c r="BK38" s="214">
        <v>0.35980113006543574</v>
      </c>
      <c r="BL38" s="92">
        <v>1.2539932161268693E-2</v>
      </c>
      <c r="BM38" s="210">
        <v>6034</v>
      </c>
      <c r="BN38" s="214">
        <v>0.53849602365169658</v>
      </c>
      <c r="BO38" s="92">
        <v>1.2831107111497899E-2</v>
      </c>
      <c r="BP38" s="214">
        <v>0.14204966945947903</v>
      </c>
      <c r="BQ38" s="92">
        <v>8.9915962159253359E-3</v>
      </c>
      <c r="BR38" s="214">
        <v>0.31945430688884119</v>
      </c>
      <c r="BS38" s="92">
        <v>1.2002164627389858E-2</v>
      </c>
      <c r="BT38" s="210">
        <v>4248</v>
      </c>
      <c r="BU38" s="214">
        <v>0.48320448927244791</v>
      </c>
      <c r="BV38" s="92">
        <v>1.5327053575894485E-2</v>
      </c>
      <c r="BW38" s="214">
        <v>0.17079028002360352</v>
      </c>
      <c r="BX38" s="92">
        <v>1.1550729697439813E-2</v>
      </c>
      <c r="BY38" s="214">
        <v>0.34600523070396039</v>
      </c>
      <c r="BZ38" s="92">
        <v>1.4591657557280648E-2</v>
      </c>
    </row>
    <row r="39" spans="1:78">
      <c r="A39" s="40" t="s">
        <v>352</v>
      </c>
      <c r="B39" s="320">
        <v>406</v>
      </c>
      <c r="C39" s="321">
        <v>0.31028988831789983</v>
      </c>
      <c r="D39" s="316">
        <v>4.5768120806405306E-2</v>
      </c>
      <c r="E39" s="321">
        <v>0.16357493678704668</v>
      </c>
      <c r="F39" s="316">
        <v>3.6827326790664749E-2</v>
      </c>
      <c r="G39" s="321">
        <v>0.52613517489505268</v>
      </c>
      <c r="H39" s="316">
        <v>4.9320278852422357E-2</v>
      </c>
      <c r="I39" s="320">
        <v>375</v>
      </c>
      <c r="J39" s="321">
        <v>0.21929809867090463</v>
      </c>
      <c r="K39" s="316">
        <v>4.2712866502012371E-2</v>
      </c>
      <c r="L39" s="321">
        <v>0.17426824468730712</v>
      </c>
      <c r="M39" s="316">
        <v>3.9271278656824421E-2</v>
      </c>
      <c r="N39" s="321">
        <v>0.60643365664178683</v>
      </c>
      <c r="O39" s="316">
        <v>5.0214288137453954E-2</v>
      </c>
      <c r="P39" s="320">
        <v>356</v>
      </c>
      <c r="Q39" s="321">
        <v>0.21137750988461954</v>
      </c>
      <c r="R39" s="316">
        <v>4.3274055656972517E-2</v>
      </c>
      <c r="S39" s="321">
        <v>0.17091258826019451</v>
      </c>
      <c r="T39" s="316">
        <v>4.0013156048342872E-2</v>
      </c>
      <c r="U39" s="321">
        <v>0.61770990185518482</v>
      </c>
      <c r="V39" s="316">
        <v>5.1256497812854254E-2</v>
      </c>
      <c r="W39" s="320">
        <v>379</v>
      </c>
      <c r="X39" s="321">
        <v>0.21340357065761784</v>
      </c>
      <c r="Y39" s="316">
        <v>4.20827474893073E-2</v>
      </c>
      <c r="Z39" s="321">
        <v>7.4941698964861456E-2</v>
      </c>
      <c r="AA39" s="316">
        <v>2.7626682320154458E-2</v>
      </c>
      <c r="AB39" s="321">
        <v>0.7116547303775197</v>
      </c>
      <c r="AC39" s="316">
        <v>4.6398558492673735E-2</v>
      </c>
      <c r="AD39" s="320">
        <v>435</v>
      </c>
      <c r="AE39" s="321">
        <v>0.44080889442412685</v>
      </c>
      <c r="AF39" s="316">
        <v>4.7397891097609071E-2</v>
      </c>
      <c r="AG39" s="321">
        <v>0.12159539945304126</v>
      </c>
      <c r="AH39" s="316">
        <v>3.1573388660635991E-2</v>
      </c>
      <c r="AI39" s="321">
        <v>0.43759570612283044</v>
      </c>
      <c r="AJ39" s="316">
        <v>4.7361003677771921E-2</v>
      </c>
      <c r="AK39" s="320">
        <v>362</v>
      </c>
      <c r="AL39" s="321">
        <v>0.47726263714819245</v>
      </c>
      <c r="AM39" s="316">
        <v>5.2217938719598858E-2</v>
      </c>
      <c r="AN39" s="321">
        <v>0.12615720163851249</v>
      </c>
      <c r="AO39" s="316">
        <v>3.5185643231653067E-2</v>
      </c>
      <c r="AP39" s="321">
        <v>0.39658016121329409</v>
      </c>
      <c r="AQ39" s="316">
        <v>5.1165310611946797E-2</v>
      </c>
      <c r="AR39" s="320">
        <v>426</v>
      </c>
      <c r="AS39" s="321">
        <v>0.48556482316850286</v>
      </c>
      <c r="AT39" s="316">
        <v>4.8204552942377576E-2</v>
      </c>
      <c r="AU39" s="321">
        <v>0.10851247540050477</v>
      </c>
      <c r="AV39" s="316">
        <v>3.0434932621178693E-2</v>
      </c>
      <c r="AW39" s="321">
        <v>0.4059227014309913</v>
      </c>
      <c r="AX39" s="316">
        <v>4.7379060942925683E-2</v>
      </c>
      <c r="AY39" s="320">
        <v>338</v>
      </c>
      <c r="AZ39" s="321">
        <v>0.18057630310196704</v>
      </c>
      <c r="BA39" s="316">
        <v>4.1933007871289382E-2</v>
      </c>
      <c r="BB39" s="321">
        <v>0.14916638484659603</v>
      </c>
      <c r="BC39" s="316">
        <v>3.8959883466594493E-2</v>
      </c>
      <c r="BD39" s="321">
        <v>0.67025731205143568</v>
      </c>
      <c r="BE39" s="316">
        <v>5.0919791733677694E-2</v>
      </c>
      <c r="BF39" s="320">
        <v>435</v>
      </c>
      <c r="BG39" s="321">
        <v>0.39534251375533103</v>
      </c>
      <c r="BH39" s="316">
        <v>4.6689543518013819E-2</v>
      </c>
      <c r="BI39" s="321">
        <v>0.18458469767769078</v>
      </c>
      <c r="BJ39" s="316">
        <v>3.7254025364586899E-2</v>
      </c>
      <c r="BK39" s="321">
        <v>0.42007278856697733</v>
      </c>
      <c r="BL39" s="316">
        <v>4.712485496065888E-2</v>
      </c>
      <c r="BM39" s="320">
        <v>423</v>
      </c>
      <c r="BN39" s="321">
        <v>0.26767403684795732</v>
      </c>
      <c r="BO39" s="316">
        <v>4.2961903297575682E-2</v>
      </c>
      <c r="BP39" s="321">
        <v>0.10450225938550252</v>
      </c>
      <c r="BQ39" s="316">
        <v>3.0066026886303492E-2</v>
      </c>
      <c r="BR39" s="321">
        <v>0.62782370376653907</v>
      </c>
      <c r="BS39" s="316">
        <v>4.6815776496627423E-2</v>
      </c>
      <c r="BT39" s="320">
        <v>308</v>
      </c>
      <c r="BU39" s="321">
        <v>0.3402060011741519</v>
      </c>
      <c r="BV39" s="316">
        <v>5.3722506634310468E-2</v>
      </c>
      <c r="BW39" s="321">
        <v>0.13431545166851949</v>
      </c>
      <c r="BX39" s="316">
        <v>3.9171169783900638E-2</v>
      </c>
      <c r="BY39" s="321">
        <v>0.52547854715732867</v>
      </c>
      <c r="BZ39" s="316">
        <v>5.6542176448864799E-2</v>
      </c>
    </row>
    <row r="40" spans="1:78">
      <c r="A40" s="44" t="s">
        <v>534</v>
      </c>
      <c r="B40" s="210">
        <v>1711</v>
      </c>
      <c r="C40" s="214">
        <v>0.33469699541759751</v>
      </c>
      <c r="D40" s="92">
        <v>2.2795950332164378E-2</v>
      </c>
      <c r="E40" s="214">
        <v>0.12825745847469983</v>
      </c>
      <c r="F40" s="92">
        <v>1.6194975348843999E-2</v>
      </c>
      <c r="G40" s="214">
        <v>0.53704554610770261</v>
      </c>
      <c r="H40" s="92">
        <v>2.4081204786920631E-2</v>
      </c>
      <c r="I40" s="210">
        <v>1709</v>
      </c>
      <c r="J40" s="214">
        <v>0.28526738507421362</v>
      </c>
      <c r="K40" s="92">
        <v>2.1831226243088937E-2</v>
      </c>
      <c r="L40" s="214">
        <v>0.18641354150709816</v>
      </c>
      <c r="M40" s="92">
        <v>1.8847236356772615E-2</v>
      </c>
      <c r="N40" s="214">
        <v>0.52831907341868944</v>
      </c>
      <c r="O40" s="92">
        <v>2.4122753357004065E-2</v>
      </c>
      <c r="P40" s="210">
        <v>1592</v>
      </c>
      <c r="Q40" s="214">
        <v>0.28422648412578988</v>
      </c>
      <c r="R40" s="92">
        <v>2.2593435729382161E-2</v>
      </c>
      <c r="S40" s="214">
        <v>0.17815796058140101</v>
      </c>
      <c r="T40" s="92">
        <v>1.9190135606899181E-2</v>
      </c>
      <c r="U40" s="214">
        <v>0.53761555529281135</v>
      </c>
      <c r="V40" s="92">
        <v>2.4960728728942901E-2</v>
      </c>
      <c r="W40" s="210">
        <v>1631</v>
      </c>
      <c r="X40" s="214">
        <v>0.3742396873111048</v>
      </c>
      <c r="Y40" s="92">
        <v>2.3939865262434114E-2</v>
      </c>
      <c r="Z40" s="214">
        <v>0.10004413655619368</v>
      </c>
      <c r="AA40" s="92">
        <v>1.4905783761288101E-2</v>
      </c>
      <c r="AB40" s="214">
        <v>0.52571617613270316</v>
      </c>
      <c r="AC40" s="92">
        <v>2.4698396493745355E-2</v>
      </c>
      <c r="AD40" s="210">
        <v>1794</v>
      </c>
      <c r="AE40" s="214">
        <v>0.474299033071585</v>
      </c>
      <c r="AF40" s="92">
        <v>2.3552294123057139E-2</v>
      </c>
      <c r="AG40" s="214">
        <v>0.13735914538368937</v>
      </c>
      <c r="AH40" s="92">
        <v>1.6275990873420448E-2</v>
      </c>
      <c r="AI40" s="214">
        <v>0.38834182154473135</v>
      </c>
      <c r="AJ40" s="92">
        <v>2.2990439684646098E-2</v>
      </c>
      <c r="AK40" s="210">
        <v>1580</v>
      </c>
      <c r="AL40" s="214">
        <v>0.53165466167027486</v>
      </c>
      <c r="AM40" s="92">
        <v>2.5075796043627283E-2</v>
      </c>
      <c r="AN40" s="214">
        <v>0.14024513861877475</v>
      </c>
      <c r="AO40" s="92">
        <v>1.7496700174916016E-2</v>
      </c>
      <c r="AP40" s="214">
        <v>0.32810019971095328</v>
      </c>
      <c r="AQ40" s="92">
        <v>2.3602319177150874E-2</v>
      </c>
      <c r="AR40" s="210">
        <v>1851</v>
      </c>
      <c r="AS40" s="214">
        <v>0.6144567023512848</v>
      </c>
      <c r="AT40" s="92">
        <v>2.260434801969825E-2</v>
      </c>
      <c r="AU40" s="214">
        <v>0.13255579671876982</v>
      </c>
      <c r="AV40" s="92">
        <v>1.5786063365429866E-2</v>
      </c>
      <c r="AW40" s="214">
        <v>0.25298750092995137</v>
      </c>
      <c r="AX40" s="92">
        <v>2.0201021020653787E-2</v>
      </c>
      <c r="AY40" s="210">
        <v>1577</v>
      </c>
      <c r="AZ40" s="214">
        <v>0.23843175369067801</v>
      </c>
      <c r="BA40" s="92">
        <v>2.1454263633772688E-2</v>
      </c>
      <c r="BB40" s="214">
        <v>0.14030544859584582</v>
      </c>
      <c r="BC40" s="92">
        <v>1.7516499974608996E-2</v>
      </c>
      <c r="BD40" s="214">
        <v>0.62126279771347703</v>
      </c>
      <c r="BE40" s="92">
        <v>2.4402779088991938E-2</v>
      </c>
      <c r="BF40" s="210">
        <v>1809</v>
      </c>
      <c r="BG40" s="214">
        <v>0.41165681378353391</v>
      </c>
      <c r="BH40" s="92">
        <v>2.3117717480997647E-2</v>
      </c>
      <c r="BI40" s="214">
        <v>0.15999204377333653</v>
      </c>
      <c r="BJ40" s="92">
        <v>1.7252170434129958E-2</v>
      </c>
      <c r="BK40" s="214">
        <v>0.4283511424431346</v>
      </c>
      <c r="BL40" s="92">
        <v>2.3244263670395952E-2</v>
      </c>
      <c r="BM40" s="210">
        <v>1868</v>
      </c>
      <c r="BN40" s="214">
        <v>0.45694075281004259</v>
      </c>
      <c r="BO40" s="92">
        <v>2.3027010165190695E-2</v>
      </c>
      <c r="BP40" s="214">
        <v>0.14297388565763755</v>
      </c>
      <c r="BQ40" s="92">
        <v>1.6216780985486467E-2</v>
      </c>
      <c r="BR40" s="214">
        <v>0.4000853615323246</v>
      </c>
      <c r="BS40" s="92">
        <v>2.264835617683544E-2</v>
      </c>
      <c r="BT40" s="210">
        <v>1302</v>
      </c>
      <c r="BU40" s="214">
        <v>0.46941133815424885</v>
      </c>
      <c r="BV40" s="92">
        <v>2.7619713340838355E-2</v>
      </c>
      <c r="BW40" s="214">
        <v>0.14806140882370533</v>
      </c>
      <c r="BX40" s="92">
        <v>1.9714406894741104E-2</v>
      </c>
      <c r="BY40" s="214">
        <v>0.38252725302204849</v>
      </c>
      <c r="BZ40" s="92">
        <v>2.6901473925876294E-2</v>
      </c>
    </row>
    <row r="41" spans="1:78">
      <c r="A41" s="40" t="s">
        <v>535</v>
      </c>
      <c r="B41" s="320">
        <v>1618</v>
      </c>
      <c r="C41" s="321">
        <v>0.38710791793953025</v>
      </c>
      <c r="D41" s="316">
        <v>2.4191904318014198E-2</v>
      </c>
      <c r="E41" s="321">
        <v>0.13230798544507436</v>
      </c>
      <c r="F41" s="316">
        <v>1.6874716314066604E-2</v>
      </c>
      <c r="G41" s="321">
        <v>0.48058409661540014</v>
      </c>
      <c r="H41" s="316">
        <v>2.4811242018798512E-2</v>
      </c>
      <c r="I41" s="320">
        <v>1620</v>
      </c>
      <c r="J41" s="321">
        <v>0.34785205358864135</v>
      </c>
      <c r="K41" s="316">
        <v>2.3643748402384115E-2</v>
      </c>
      <c r="L41" s="321">
        <v>0.20331764075292341</v>
      </c>
      <c r="M41" s="316">
        <v>2.0000778424696448E-2</v>
      </c>
      <c r="N41" s="321">
        <v>0.44883030565844101</v>
      </c>
      <c r="O41" s="316">
        <v>2.4684938104840543E-2</v>
      </c>
      <c r="P41" s="320">
        <v>1510</v>
      </c>
      <c r="Q41" s="321">
        <v>0.3412340979129922</v>
      </c>
      <c r="R41" s="316">
        <v>2.4377394108501552E-2</v>
      </c>
      <c r="S41" s="321">
        <v>0.18556964814567642</v>
      </c>
      <c r="T41" s="316">
        <v>2.0016853902176654E-2</v>
      </c>
      <c r="U41" s="321">
        <v>0.47319625394133835</v>
      </c>
      <c r="V41" s="316">
        <v>2.56634734923149E-2</v>
      </c>
      <c r="W41" s="320">
        <v>1546</v>
      </c>
      <c r="X41" s="321">
        <v>0.47224086285954775</v>
      </c>
      <c r="Y41" s="316">
        <v>2.5361052298679611E-2</v>
      </c>
      <c r="Z41" s="321">
        <v>0.11915474159667777</v>
      </c>
      <c r="AA41" s="316">
        <v>1.6516231141454674E-2</v>
      </c>
      <c r="AB41" s="321">
        <v>0.40860439554377836</v>
      </c>
      <c r="AC41" s="316">
        <v>2.4974304261532635E-2</v>
      </c>
      <c r="AD41" s="320">
        <v>1697</v>
      </c>
      <c r="AE41" s="321">
        <v>0.50188600728274002</v>
      </c>
      <c r="AF41" s="316">
        <v>2.424626056786644E-2</v>
      </c>
      <c r="AG41" s="321">
        <v>0.15470676671202616</v>
      </c>
      <c r="AH41" s="316">
        <v>1.7573740771411491E-2</v>
      </c>
      <c r="AI41" s="321">
        <v>0.34340722600523671</v>
      </c>
      <c r="AJ41" s="316">
        <v>2.3032522773469146E-2</v>
      </c>
      <c r="AK41" s="320">
        <v>1501</v>
      </c>
      <c r="AL41" s="321">
        <v>0.5519397557410014</v>
      </c>
      <c r="AM41" s="316">
        <v>2.5638249190183759E-2</v>
      </c>
      <c r="AN41" s="321">
        <v>0.17976142447297053</v>
      </c>
      <c r="AO41" s="316">
        <v>1.9832632673875698E-2</v>
      </c>
      <c r="AP41" s="321">
        <v>0.26829881978603459</v>
      </c>
      <c r="AQ41" s="316">
        <v>2.2858778053219543E-2</v>
      </c>
      <c r="AR41" s="320">
        <v>1755</v>
      </c>
      <c r="AS41" s="321">
        <v>0.67365865634951727</v>
      </c>
      <c r="AT41" s="316">
        <v>2.2366001559317381E-2</v>
      </c>
      <c r="AU41" s="321">
        <v>0.14750450712483951</v>
      </c>
      <c r="AV41" s="316">
        <v>1.6947995415386111E-2</v>
      </c>
      <c r="AW41" s="321">
        <v>0.17883683652564436</v>
      </c>
      <c r="AX41" s="316">
        <v>1.8303412110549522E-2</v>
      </c>
      <c r="AY41" s="320">
        <v>1495</v>
      </c>
      <c r="AZ41" s="321">
        <v>0.28567329460041224</v>
      </c>
      <c r="BA41" s="316">
        <v>2.3349243422545737E-2</v>
      </c>
      <c r="BB41" s="321">
        <v>0.15146966798538822</v>
      </c>
      <c r="BC41" s="316">
        <v>1.8565933423633E-2</v>
      </c>
      <c r="BD41" s="321">
        <v>0.56285703741420523</v>
      </c>
      <c r="BE41" s="316">
        <v>2.5624686375835214E-2</v>
      </c>
      <c r="BF41" s="320">
        <v>1710</v>
      </c>
      <c r="BG41" s="321">
        <v>0.43898369784387414</v>
      </c>
      <c r="BH41" s="316">
        <v>2.397462522062915E-2</v>
      </c>
      <c r="BI41" s="321">
        <v>0.17907289293419537</v>
      </c>
      <c r="BJ41" s="316">
        <v>1.8552392038476865E-2</v>
      </c>
      <c r="BK41" s="321">
        <v>0.3819434092219342</v>
      </c>
      <c r="BL41" s="316">
        <v>2.3474588028728254E-2</v>
      </c>
      <c r="BM41" s="320">
        <v>1771</v>
      </c>
      <c r="BN41" s="321">
        <v>0.55226496274459047</v>
      </c>
      <c r="BO41" s="316">
        <v>2.3606190229095103E-2</v>
      </c>
      <c r="BP41" s="321">
        <v>0.15761018306951693</v>
      </c>
      <c r="BQ41" s="316">
        <v>1.7331692506558031E-2</v>
      </c>
      <c r="BR41" s="321">
        <v>0.29012485418589506</v>
      </c>
      <c r="BS41" s="316">
        <v>2.1553770234298188E-2</v>
      </c>
      <c r="BT41" s="320">
        <v>1228</v>
      </c>
      <c r="BU41" s="321">
        <v>0.53774980344255274</v>
      </c>
      <c r="BV41" s="316">
        <v>2.8409356360406722E-2</v>
      </c>
      <c r="BW41" s="321">
        <v>0.17526488002362098</v>
      </c>
      <c r="BX41" s="316">
        <v>2.1714704853016617E-2</v>
      </c>
      <c r="BY41" s="321">
        <v>0.28698531653382975</v>
      </c>
      <c r="BZ41" s="316">
        <v>2.5793819783808417E-2</v>
      </c>
    </row>
    <row r="42" spans="1:78">
      <c r="A42" s="44" t="s">
        <v>536</v>
      </c>
      <c r="B42" s="210">
        <v>234</v>
      </c>
      <c r="C42" s="214">
        <v>0.36202867688526935</v>
      </c>
      <c r="D42" s="92">
        <v>6.2389183153896882E-2</v>
      </c>
      <c r="E42" s="214">
        <v>0.14898714731920404</v>
      </c>
      <c r="F42" s="92">
        <v>4.6903564213742241E-2</v>
      </c>
      <c r="G42" s="214">
        <v>0.48898417579552683</v>
      </c>
      <c r="H42" s="92">
        <v>6.4805163228984664E-2</v>
      </c>
      <c r="I42" s="210">
        <v>228</v>
      </c>
      <c r="J42" s="214">
        <v>0.3232869543571355</v>
      </c>
      <c r="K42" s="92">
        <v>6.1565780213854344E-2</v>
      </c>
      <c r="L42" s="214">
        <v>0.24189987349877895</v>
      </c>
      <c r="M42" s="92">
        <v>5.6577931367268894E-2</v>
      </c>
      <c r="N42" s="214">
        <v>0.4348131721440861</v>
      </c>
      <c r="O42" s="92">
        <v>6.5112097326854565E-2</v>
      </c>
      <c r="P42" s="210">
        <v>207</v>
      </c>
      <c r="Q42" s="214">
        <v>0.37314280227647745</v>
      </c>
      <c r="R42" s="92">
        <v>6.6676216947532535E-2</v>
      </c>
      <c r="S42" s="214">
        <v>0.17517305274144138</v>
      </c>
      <c r="T42" s="92">
        <v>5.3049205594438806E-2</v>
      </c>
      <c r="U42" s="214">
        <v>0.45168414498208165</v>
      </c>
      <c r="V42" s="92">
        <v>6.8532795358600948E-2</v>
      </c>
      <c r="W42" s="210">
        <v>222</v>
      </c>
      <c r="X42" s="214">
        <v>0.43832134691100139</v>
      </c>
      <c r="Y42" s="92">
        <v>6.6028850757054849E-2</v>
      </c>
      <c r="Z42" s="214">
        <v>0.14671991181737024</v>
      </c>
      <c r="AA42" s="92">
        <v>4.7888517852758647E-2</v>
      </c>
      <c r="AB42" s="214">
        <v>0.41495874127162868</v>
      </c>
      <c r="AC42" s="92">
        <v>6.5584063380622754E-2</v>
      </c>
      <c r="AD42" s="210">
        <v>244</v>
      </c>
      <c r="AE42" s="214">
        <v>0.48140263981565407</v>
      </c>
      <c r="AF42" s="92">
        <v>6.3457530254514741E-2</v>
      </c>
      <c r="AG42" s="214">
        <v>0.19153742468188631</v>
      </c>
      <c r="AH42" s="92">
        <v>5.046484160010551E-2</v>
      </c>
      <c r="AI42" s="214">
        <v>0.32705993550246037</v>
      </c>
      <c r="AJ42" s="92">
        <v>5.9710151559848691E-2</v>
      </c>
      <c r="AK42" s="210">
        <v>206</v>
      </c>
      <c r="AL42" s="214">
        <v>0.51215727794256172</v>
      </c>
      <c r="AM42" s="92">
        <v>6.8986924561419763E-2</v>
      </c>
      <c r="AN42" s="214">
        <v>0.16105147440064024</v>
      </c>
      <c r="AO42" s="92">
        <v>5.1538026351151699E-2</v>
      </c>
      <c r="AP42" s="214">
        <v>0.32679124765679934</v>
      </c>
      <c r="AQ42" s="92">
        <v>6.4900032855264772E-2</v>
      </c>
      <c r="AR42" s="210">
        <v>253</v>
      </c>
      <c r="AS42" s="214">
        <v>0.66328445123107582</v>
      </c>
      <c r="AT42" s="92">
        <v>5.9066890655889485E-2</v>
      </c>
      <c r="AU42" s="214">
        <v>0.1720021344342425</v>
      </c>
      <c r="AV42" s="92">
        <v>4.7626989962001869E-2</v>
      </c>
      <c r="AW42" s="214">
        <v>0.16471341433468289</v>
      </c>
      <c r="AX42" s="92">
        <v>4.6855193412900814E-2</v>
      </c>
      <c r="AY42" s="210">
        <v>214</v>
      </c>
      <c r="AZ42" s="214">
        <v>0.24458878952060542</v>
      </c>
      <c r="BA42" s="92">
        <v>5.8597850664887804E-2</v>
      </c>
      <c r="BB42" s="214">
        <v>0.19042707391298791</v>
      </c>
      <c r="BC42" s="92">
        <v>5.3783329095151933E-2</v>
      </c>
      <c r="BD42" s="214">
        <v>0.56498413656640656</v>
      </c>
      <c r="BE42" s="92">
        <v>6.7175056867636335E-2</v>
      </c>
      <c r="BF42" s="210">
        <v>237</v>
      </c>
      <c r="BG42" s="214">
        <v>0.3593062641813875</v>
      </c>
      <c r="BH42" s="92">
        <v>6.1900322240995058E-2</v>
      </c>
      <c r="BI42" s="214">
        <v>0.24918089357275805</v>
      </c>
      <c r="BJ42" s="92">
        <v>5.6032111674216782E-2</v>
      </c>
      <c r="BK42" s="214">
        <v>0.39151284224585475</v>
      </c>
      <c r="BL42" s="92">
        <v>6.2932220927990223E-2</v>
      </c>
      <c r="BM42" s="210">
        <v>257</v>
      </c>
      <c r="BN42" s="214">
        <v>0.53964813002570777</v>
      </c>
      <c r="BO42" s="92">
        <v>6.1709471280587375E-2</v>
      </c>
      <c r="BP42" s="214">
        <v>0.1426580156827153</v>
      </c>
      <c r="BQ42" s="92">
        <v>4.3976776320021421E-2</v>
      </c>
      <c r="BR42" s="214">
        <v>0.31769385429157748</v>
      </c>
      <c r="BS42" s="92">
        <v>5.7771564495015935E-2</v>
      </c>
      <c r="BT42" s="210">
        <v>169</v>
      </c>
      <c r="BU42" s="214">
        <v>0.56424022610368119</v>
      </c>
      <c r="BV42" s="92">
        <v>7.5427386841001573E-2</v>
      </c>
      <c r="BW42" s="214">
        <v>0.17721568291653358</v>
      </c>
      <c r="BX42" s="92">
        <v>5.9003792666092542E-2</v>
      </c>
      <c r="BY42" s="214">
        <v>0.25854409097978587</v>
      </c>
      <c r="BZ42" s="92">
        <v>6.7037022703150095E-2</v>
      </c>
    </row>
    <row r="43" spans="1:78">
      <c r="A43" s="40" t="s">
        <v>537</v>
      </c>
      <c r="B43" s="320">
        <v>54</v>
      </c>
      <c r="C43" s="321">
        <v>0.30599184887232522</v>
      </c>
      <c r="D43" s="316">
        <v>0.12243884468046316</v>
      </c>
      <c r="E43" s="321">
        <v>0.23238264879787454</v>
      </c>
      <c r="F43" s="316">
        <v>0.11384163379137617</v>
      </c>
      <c r="G43" s="321">
        <v>0.46162550232979954</v>
      </c>
      <c r="H43" s="316">
        <v>0.13097078152778871</v>
      </c>
      <c r="I43" s="320">
        <v>53</v>
      </c>
      <c r="J43" s="321">
        <v>0.42216190923000574</v>
      </c>
      <c r="K43" s="316">
        <v>0.13105824287630796</v>
      </c>
      <c r="L43" s="321">
        <v>0.1538023635805838</v>
      </c>
      <c r="M43" s="316">
        <v>0.1013517122501906</v>
      </c>
      <c r="N43" s="321">
        <v>0.42403572718940985</v>
      </c>
      <c r="O43" s="316">
        <v>0.13112493472366352</v>
      </c>
      <c r="P43" s="320">
        <v>49</v>
      </c>
      <c r="Q43" s="321">
        <v>0.4070674296576432</v>
      </c>
      <c r="R43" s="316">
        <v>0.13531736595967692</v>
      </c>
      <c r="S43" s="321">
        <v>0.15502526220687149</v>
      </c>
      <c r="T43" s="316">
        <v>0.10578653216289217</v>
      </c>
      <c r="U43" s="321">
        <v>0.43790730813548479</v>
      </c>
      <c r="V43" s="316">
        <v>0.13645221691462481</v>
      </c>
      <c r="W43" s="320">
        <v>53</v>
      </c>
      <c r="X43" s="321">
        <v>0.26439046460269433</v>
      </c>
      <c r="Y43" s="316">
        <v>0.11906239286609663</v>
      </c>
      <c r="Z43" s="321">
        <v>0.19814649645612459</v>
      </c>
      <c r="AA43" s="316">
        <v>0.10961620483430802</v>
      </c>
      <c r="AB43" s="321">
        <v>0.53746303894118053</v>
      </c>
      <c r="AC43" s="316">
        <v>0.13213140421145092</v>
      </c>
      <c r="AD43" s="320">
        <v>55</v>
      </c>
      <c r="AE43" s="321">
        <v>0.45008452354381695</v>
      </c>
      <c r="AF43" s="316">
        <v>0.12962392304160905</v>
      </c>
      <c r="AG43" s="321">
        <v>0.13118042913438485</v>
      </c>
      <c r="AH43" s="316">
        <v>9.4525163373340215E-2</v>
      </c>
      <c r="AI43" s="321">
        <v>0.41873504732179767</v>
      </c>
      <c r="AJ43" s="316">
        <v>0.12868595583216091</v>
      </c>
      <c r="AK43" s="320">
        <v>46</v>
      </c>
      <c r="AL43" s="321">
        <v>0.45287878247058488</v>
      </c>
      <c r="AM43" s="316">
        <v>0.14088879180479133</v>
      </c>
      <c r="AN43" s="321">
        <v>0.11945781445291567</v>
      </c>
      <c r="AO43" s="316">
        <v>0.10096764739028938</v>
      </c>
      <c r="AP43" s="321">
        <v>0.42766340307649914</v>
      </c>
      <c r="AQ43" s="316">
        <v>0.14016308830313751</v>
      </c>
      <c r="AR43" s="320">
        <v>58</v>
      </c>
      <c r="AS43" s="321">
        <v>0.61249030888136557</v>
      </c>
      <c r="AT43" s="316">
        <v>0.12415548086742237</v>
      </c>
      <c r="AU43" s="321">
        <v>0.2276156105354038</v>
      </c>
      <c r="AV43" s="316">
        <v>0.10927067628997822</v>
      </c>
      <c r="AW43" s="321">
        <v>0.15989408058323026</v>
      </c>
      <c r="AX43" s="316">
        <v>9.7970345197259209E-2</v>
      </c>
      <c r="AY43" s="320">
        <v>51</v>
      </c>
      <c r="AZ43" s="321">
        <v>0.25321543949213127</v>
      </c>
      <c r="BA43" s="316">
        <v>0.1198889831761162</v>
      </c>
      <c r="BB43" s="321">
        <v>0.15139492133372603</v>
      </c>
      <c r="BC43" s="316">
        <v>0.10287084792806875</v>
      </c>
      <c r="BD43" s="321">
        <v>0.59538963917414212</v>
      </c>
      <c r="BE43" s="316">
        <v>0.13271328121305406</v>
      </c>
      <c r="BF43" s="320">
        <v>54</v>
      </c>
      <c r="BG43" s="321">
        <v>0.32151788907122403</v>
      </c>
      <c r="BH43" s="316">
        <v>0.12384265159312083</v>
      </c>
      <c r="BI43" s="321">
        <v>0.28727086081058179</v>
      </c>
      <c r="BJ43" s="316">
        <v>0.12056561059527587</v>
      </c>
      <c r="BK43" s="321">
        <v>0.39121125011819358</v>
      </c>
      <c r="BL43" s="316">
        <v>0.12858410115414798</v>
      </c>
      <c r="BM43" s="320">
        <v>58</v>
      </c>
      <c r="BN43" s="321">
        <v>0.36259935076569749</v>
      </c>
      <c r="BO43" s="316">
        <v>0.12273193270993364</v>
      </c>
      <c r="BP43" s="321">
        <v>0.25011767022768711</v>
      </c>
      <c r="BQ43" s="316">
        <v>0.1122657695532996</v>
      </c>
      <c r="BR43" s="321">
        <v>0.3872829790066149</v>
      </c>
      <c r="BS43" s="316">
        <v>0.12414387112543704</v>
      </c>
      <c r="BT43" s="320">
        <v>38</v>
      </c>
      <c r="BU43" s="321">
        <v>0.4401372959965667</v>
      </c>
      <c r="BV43" s="316">
        <v>0.15339539092754012</v>
      </c>
      <c r="BW43" s="321">
        <v>0.2584109812719812</v>
      </c>
      <c r="BX43" s="316">
        <v>0.13877784480917116</v>
      </c>
      <c r="BY43" s="321">
        <v>0.30145172273145193</v>
      </c>
      <c r="BZ43" s="316">
        <v>0.14400061484958743</v>
      </c>
    </row>
    <row r="44" spans="1:78">
      <c r="A44" s="44" t="s">
        <v>538</v>
      </c>
      <c r="B44" s="210">
        <v>36</v>
      </c>
      <c r="C44" s="214">
        <v>0.30323974607719484</v>
      </c>
      <c r="D44" s="92">
        <v>0.14786520077616264</v>
      </c>
      <c r="E44" s="214">
        <v>0.1935751188091123</v>
      </c>
      <c r="F44" s="92">
        <v>0.13188785830075178</v>
      </c>
      <c r="G44" s="214">
        <v>0.50318513511369278</v>
      </c>
      <c r="H44" s="92">
        <v>0.158111284379259</v>
      </c>
      <c r="I44" s="210">
        <v>36</v>
      </c>
      <c r="J44" s="214">
        <v>0.20172187770484032</v>
      </c>
      <c r="K44" s="92">
        <v>0.13339206536584541</v>
      </c>
      <c r="L44" s="214">
        <v>0.36171478165411775</v>
      </c>
      <c r="M44" s="92">
        <v>0.15313736666584538</v>
      </c>
      <c r="N44" s="214">
        <v>0.4365633406410418</v>
      </c>
      <c r="O44" s="92">
        <v>0.15707972183002941</v>
      </c>
      <c r="P44" s="210">
        <v>32</v>
      </c>
      <c r="Q44" s="214">
        <v>0.38351151728645178</v>
      </c>
      <c r="R44" s="92">
        <v>0.16305362687267067</v>
      </c>
      <c r="S44" s="214">
        <v>0.11955796584902659</v>
      </c>
      <c r="T44" s="92">
        <v>0.12276471610131091</v>
      </c>
      <c r="U44" s="214">
        <v>0.49693051686452155</v>
      </c>
      <c r="V44" s="92">
        <v>0.16666418520576567</v>
      </c>
      <c r="W44" s="210">
        <v>37</v>
      </c>
      <c r="X44" s="214">
        <v>0.45190147298770639</v>
      </c>
      <c r="Y44" s="92">
        <v>0.15558416128047853</v>
      </c>
      <c r="Z44" s="214">
        <v>0.22336825838510868</v>
      </c>
      <c r="AA44" s="92">
        <v>0.1353147129313943</v>
      </c>
      <c r="AB44" s="214">
        <v>0.32473026862718463</v>
      </c>
      <c r="AC44" s="92">
        <v>0.14815357011899088</v>
      </c>
      <c r="AD44" s="210">
        <v>41</v>
      </c>
      <c r="AE44" s="214">
        <v>0.65642464062248351</v>
      </c>
      <c r="AF44" s="92">
        <v>0.14288705238780625</v>
      </c>
      <c r="AG44" s="214">
        <v>0.17511981107857821</v>
      </c>
      <c r="AH44" s="92">
        <v>0.12014171101078436</v>
      </c>
      <c r="AI44" s="214">
        <v>0.16845554829893797</v>
      </c>
      <c r="AJ44" s="92">
        <v>0.11879072128008748</v>
      </c>
      <c r="AK44" s="210">
        <v>32</v>
      </c>
      <c r="AL44" s="214">
        <v>0.57100541004633498</v>
      </c>
      <c r="AM44" s="92">
        <v>0.16533346123562073</v>
      </c>
      <c r="AN44" s="214">
        <v>0.3233829802943301</v>
      </c>
      <c r="AO44" s="92">
        <v>0.15823794577172498</v>
      </c>
      <c r="AP44" s="214">
        <v>0.10561160965933483</v>
      </c>
      <c r="AQ44" s="92">
        <v>0.11883810525010388</v>
      </c>
      <c r="AR44" s="210">
        <v>45</v>
      </c>
      <c r="AS44" s="214">
        <v>0.72217558108285917</v>
      </c>
      <c r="AT44" s="92">
        <v>0.13042103515124673</v>
      </c>
      <c r="AU44" s="214">
        <v>0.16243951469508613</v>
      </c>
      <c r="AV44" s="92">
        <v>0.11208495066947305</v>
      </c>
      <c r="AW44" s="214">
        <v>0.11538490422205484</v>
      </c>
      <c r="AX44" s="92">
        <v>0.10111100517739051</v>
      </c>
      <c r="AY44" s="210">
        <v>35</v>
      </c>
      <c r="AZ44" s="214">
        <v>0.33490733433499487</v>
      </c>
      <c r="BA44" s="92">
        <v>0.15293658459195772</v>
      </c>
      <c r="BB44" s="214">
        <v>5.2405997047909325E-2</v>
      </c>
      <c r="BC44" s="92">
        <v>9.5352309587402748E-2</v>
      </c>
      <c r="BD44" s="214">
        <v>0.61268666861709553</v>
      </c>
      <c r="BE44" s="92">
        <v>0.15681866480488135</v>
      </c>
      <c r="BF44" s="210">
        <v>37</v>
      </c>
      <c r="BG44" s="214">
        <v>0.52934499638138077</v>
      </c>
      <c r="BH44" s="92">
        <v>0.15595455872677247</v>
      </c>
      <c r="BI44" s="214">
        <v>9.4175025227991288E-2</v>
      </c>
      <c r="BJ44" s="92">
        <v>0.1063238984250305</v>
      </c>
      <c r="BK44" s="214">
        <v>0.37647997839062775</v>
      </c>
      <c r="BL44" s="92">
        <v>0.15224325781178338</v>
      </c>
      <c r="BM44" s="210">
        <v>44</v>
      </c>
      <c r="BN44" s="214">
        <v>0.74969951019481007</v>
      </c>
      <c r="BO44" s="92">
        <v>0.12832537111759401</v>
      </c>
      <c r="BP44" s="214">
        <v>6.6111699647825525E-2</v>
      </c>
      <c r="BQ44" s="92">
        <v>8.746908872288843E-2</v>
      </c>
      <c r="BR44" s="214">
        <v>0.18418879015736431</v>
      </c>
      <c r="BS44" s="92">
        <v>0.11768370403160347</v>
      </c>
      <c r="BT44" s="210">
        <v>30</v>
      </c>
      <c r="BU44" s="214">
        <v>0.67133275397094949</v>
      </c>
      <c r="BV44" s="92">
        <v>0.16347182858709852</v>
      </c>
      <c r="BW44" s="214">
        <v>0.19744727264988715</v>
      </c>
      <c r="BX44" s="92">
        <v>0.14500842653831744</v>
      </c>
      <c r="BY44" s="214">
        <v>0.13121997337916344</v>
      </c>
      <c r="BZ44" s="92">
        <v>0.13021188746416987</v>
      </c>
    </row>
    <row r="45" spans="1:78">
      <c r="A45" s="40" t="s">
        <v>539</v>
      </c>
      <c r="B45" s="320">
        <v>38</v>
      </c>
      <c r="C45" s="321">
        <v>0.42401466969561541</v>
      </c>
      <c r="D45" s="316">
        <v>0.15283779935522601</v>
      </c>
      <c r="E45" s="321">
        <v>0.21319334394661704</v>
      </c>
      <c r="F45" s="316">
        <v>0.1318960769570505</v>
      </c>
      <c r="G45" s="321">
        <v>0.36279198635776716</v>
      </c>
      <c r="H45" s="316">
        <v>0.14947180510076785</v>
      </c>
      <c r="I45" s="320">
        <v>36</v>
      </c>
      <c r="J45" s="321">
        <v>0.3466916954416388</v>
      </c>
      <c r="K45" s="316">
        <v>0.15197441121461436</v>
      </c>
      <c r="L45" s="321">
        <v>0.22853322376183854</v>
      </c>
      <c r="M45" s="316">
        <v>0.13795205305216612</v>
      </c>
      <c r="N45" s="321">
        <v>0.42477508079652199</v>
      </c>
      <c r="O45" s="316">
        <v>0.15665771010070728</v>
      </c>
      <c r="P45" s="320">
        <v>33</v>
      </c>
      <c r="Q45" s="321">
        <v>0.44461384346129051</v>
      </c>
      <c r="R45" s="316">
        <v>0.1635946842988836</v>
      </c>
      <c r="S45" s="321">
        <v>0.1770724750698765</v>
      </c>
      <c r="T45" s="316">
        <v>0.13438409237625079</v>
      </c>
      <c r="U45" s="321">
        <v>0.37831368146883265</v>
      </c>
      <c r="V45" s="316">
        <v>0.16047935395425017</v>
      </c>
      <c r="W45" s="320">
        <v>36</v>
      </c>
      <c r="X45" s="321">
        <v>0.53934098768180316</v>
      </c>
      <c r="Y45" s="316">
        <v>0.15771694652682647</v>
      </c>
      <c r="Z45" s="321">
        <v>0.16340918135597843</v>
      </c>
      <c r="AA45" s="316">
        <v>0.12579044592165312</v>
      </c>
      <c r="AB45" s="321">
        <v>0.29724983096221835</v>
      </c>
      <c r="AC45" s="316">
        <v>0.14720829421390369</v>
      </c>
      <c r="AD45" s="320">
        <v>38</v>
      </c>
      <c r="AE45" s="321">
        <v>0.46624572812191217</v>
      </c>
      <c r="AF45" s="316">
        <v>0.15401525406674529</v>
      </c>
      <c r="AG45" s="321">
        <v>0.17442123762191691</v>
      </c>
      <c r="AH45" s="316">
        <v>0.12468160290286923</v>
      </c>
      <c r="AI45" s="321">
        <v>0.35933303425617052</v>
      </c>
      <c r="AJ45" s="316">
        <v>0.14922093515393658</v>
      </c>
      <c r="AK45" s="320">
        <v>36</v>
      </c>
      <c r="AL45" s="321">
        <v>0.54689288808901726</v>
      </c>
      <c r="AM45" s="316">
        <v>0.15754962907217632</v>
      </c>
      <c r="AN45" s="321">
        <v>0.15504210434644494</v>
      </c>
      <c r="AO45" s="316">
        <v>0.1239408248654492</v>
      </c>
      <c r="AP45" s="321">
        <v>0.29806500756453747</v>
      </c>
      <c r="AQ45" s="316">
        <v>0.14729902567646966</v>
      </c>
      <c r="AR45" s="320">
        <v>39</v>
      </c>
      <c r="AS45" s="321">
        <v>0.62484600984816818</v>
      </c>
      <c r="AT45" s="316">
        <v>0.14853655641317096</v>
      </c>
      <c r="AU45" s="321">
        <v>0.26889861864693188</v>
      </c>
      <c r="AV45" s="316">
        <v>0.13845202003502116</v>
      </c>
      <c r="AW45" s="321">
        <v>0.10625537150489964</v>
      </c>
      <c r="AX45" s="316">
        <v>0.10673474634321845</v>
      </c>
      <c r="AY45" s="320">
        <v>30</v>
      </c>
      <c r="AZ45" s="321">
        <v>0.16356317563526104</v>
      </c>
      <c r="BA45" s="316">
        <v>0.13800106670525558</v>
      </c>
      <c r="BB45" s="321">
        <v>0.3263310210708637</v>
      </c>
      <c r="BC45" s="316">
        <v>0.16324586990957568</v>
      </c>
      <c r="BD45" s="321">
        <v>0.51010580329387478</v>
      </c>
      <c r="BE45" s="316">
        <v>0.17147131097968218</v>
      </c>
      <c r="BF45" s="320">
        <v>37</v>
      </c>
      <c r="BG45" s="321">
        <v>0.33678546529660658</v>
      </c>
      <c r="BH45" s="316">
        <v>0.14924372359274884</v>
      </c>
      <c r="BI45" s="321">
        <v>0.20894050416640655</v>
      </c>
      <c r="BJ45" s="316">
        <v>0.13288833139644479</v>
      </c>
      <c r="BK45" s="321">
        <v>0.45427403053698634</v>
      </c>
      <c r="BL45" s="316">
        <v>0.15564099030221737</v>
      </c>
      <c r="BM45" s="320">
        <v>39</v>
      </c>
      <c r="BN45" s="321">
        <v>0.51294871596212921</v>
      </c>
      <c r="BO45" s="316">
        <v>0.15245649753486326</v>
      </c>
      <c r="BP45" s="321">
        <v>0.17926724025527543</v>
      </c>
      <c r="BQ45" s="316">
        <v>0.12403257099831543</v>
      </c>
      <c r="BR45" s="321">
        <v>0.307784043782595</v>
      </c>
      <c r="BS45" s="316">
        <v>0.14292856161813577</v>
      </c>
      <c r="BT45" s="320">
        <v>30</v>
      </c>
      <c r="BU45" s="321">
        <v>0.77343762007519312</v>
      </c>
      <c r="BV45" s="316">
        <v>0.15021142611534188</v>
      </c>
      <c r="BW45" s="321">
        <v>7.9376551950357824E-2</v>
      </c>
      <c r="BX45" s="316">
        <v>0.1149200925294622</v>
      </c>
      <c r="BY45" s="321">
        <v>0.14718582797444923</v>
      </c>
      <c r="BZ45" s="316">
        <v>0.13420273814387587</v>
      </c>
    </row>
    <row r="46" spans="1:78">
      <c r="A46" s="44" t="s">
        <v>540</v>
      </c>
      <c r="B46" s="210">
        <v>53</v>
      </c>
      <c r="C46" s="214">
        <v>0.24827973736563838</v>
      </c>
      <c r="D46" s="92">
        <v>0.1170448818845063</v>
      </c>
      <c r="E46" s="214">
        <v>3.5878446664633738E-2</v>
      </c>
      <c r="F46" s="92">
        <v>6.6892529399915565E-2</v>
      </c>
      <c r="G46" s="214">
        <v>0.71584181596972729</v>
      </c>
      <c r="H46" s="92">
        <v>0.12131487468942193</v>
      </c>
      <c r="I46" s="210">
        <v>56</v>
      </c>
      <c r="J46" s="214">
        <v>0.28050788976655955</v>
      </c>
      <c r="K46" s="92">
        <v>0.11776605793455049</v>
      </c>
      <c r="L46" s="214">
        <v>0.24024362802068527</v>
      </c>
      <c r="M46" s="92">
        <v>0.11290798473796879</v>
      </c>
      <c r="N46" s="214">
        <v>0.47924848221275462</v>
      </c>
      <c r="O46" s="92">
        <v>0.12900255226170787</v>
      </c>
      <c r="P46" s="210">
        <v>48</v>
      </c>
      <c r="Q46" s="214">
        <v>0.18937357585410802</v>
      </c>
      <c r="R46" s="92">
        <v>0.11360684977460961</v>
      </c>
      <c r="S46" s="214">
        <v>0.17657445283304718</v>
      </c>
      <c r="T46" s="92">
        <v>0.11124121138862378</v>
      </c>
      <c r="U46" s="214">
        <v>0.63405197131284485</v>
      </c>
      <c r="V46" s="92">
        <v>0.13436126468065648</v>
      </c>
      <c r="W46" s="210">
        <v>42</v>
      </c>
      <c r="X46" s="214">
        <v>0.32545427911470609</v>
      </c>
      <c r="Y46" s="92">
        <v>0.13975192122431779</v>
      </c>
      <c r="Z46" s="214">
        <v>1.697774580480842E-2</v>
      </c>
      <c r="AA46" s="92">
        <v>6.94707183776897E-2</v>
      </c>
      <c r="AB46" s="214">
        <v>0.65756797508048537</v>
      </c>
      <c r="AC46" s="92">
        <v>0.14120674189152027</v>
      </c>
      <c r="AD46" s="210">
        <v>57</v>
      </c>
      <c r="AE46" s="214">
        <v>0.40563456048165891</v>
      </c>
      <c r="AF46" s="92">
        <v>0.12603010858434491</v>
      </c>
      <c r="AG46" s="214">
        <v>0.23595772268563331</v>
      </c>
      <c r="AH46" s="92">
        <v>0.11136273014572837</v>
      </c>
      <c r="AI46" s="214">
        <v>0.35840771683270722</v>
      </c>
      <c r="AJ46" s="92">
        <v>0.12347289182524028</v>
      </c>
      <c r="AK46" s="210">
        <v>45</v>
      </c>
      <c r="AL46" s="214">
        <v>0.50081677374173206</v>
      </c>
      <c r="AM46" s="92">
        <v>0.14285698210062067</v>
      </c>
      <c r="AN46" s="214">
        <v>0.11455643037523056</v>
      </c>
      <c r="AO46" s="92">
        <v>0.10089356579917377</v>
      </c>
      <c r="AP46" s="214">
        <v>0.38462679588303722</v>
      </c>
      <c r="AQ46" s="92">
        <v>0.13961274180154842</v>
      </c>
      <c r="AR46" s="210">
        <v>57</v>
      </c>
      <c r="AS46" s="214">
        <v>0.63646413647877598</v>
      </c>
      <c r="AT46" s="92">
        <v>0.12380305732173766</v>
      </c>
      <c r="AU46" s="214">
        <v>0.10608805757566442</v>
      </c>
      <c r="AV46" s="92">
        <v>8.6655866623978006E-2</v>
      </c>
      <c r="AW46" s="214">
        <v>0.25744780594555899</v>
      </c>
      <c r="AX46" s="92">
        <v>0.11412707254535347</v>
      </c>
      <c r="AY46" s="210">
        <v>53</v>
      </c>
      <c r="AZ46" s="214">
        <v>0.19606712429645082</v>
      </c>
      <c r="BA46" s="92">
        <v>0.10926704332038481</v>
      </c>
      <c r="BB46" s="214">
        <v>3.250998189908802E-2</v>
      </c>
      <c r="BC46" s="92">
        <v>6.5453923822780036E-2</v>
      </c>
      <c r="BD46" s="214">
        <v>0.77142289380446061</v>
      </c>
      <c r="BE46" s="92">
        <v>0.11434221322488697</v>
      </c>
      <c r="BF46" s="210">
        <v>56</v>
      </c>
      <c r="BG46" s="214">
        <v>0.27565036889744948</v>
      </c>
      <c r="BH46" s="92">
        <v>0.11723326494514581</v>
      </c>
      <c r="BI46" s="214">
        <v>0.3054251942897046</v>
      </c>
      <c r="BJ46" s="92">
        <v>0.12028308143293125</v>
      </c>
      <c r="BK46" s="214">
        <v>0.41892443681284541</v>
      </c>
      <c r="BL46" s="92">
        <v>0.12761242665434602</v>
      </c>
      <c r="BM46" s="210">
        <v>58</v>
      </c>
      <c r="BN46" s="214">
        <v>0.49843208757036378</v>
      </c>
      <c r="BO46" s="92">
        <v>0.12699958054909699</v>
      </c>
      <c r="BP46" s="214">
        <v>0.15701531859343204</v>
      </c>
      <c r="BQ46" s="92">
        <v>9.7402066020209566E-2</v>
      </c>
      <c r="BR46" s="214">
        <v>0.34455259383620368</v>
      </c>
      <c r="BS46" s="92">
        <v>0.12151024060407185</v>
      </c>
      <c r="BT46" s="210">
        <v>31</v>
      </c>
      <c r="BU46" s="214">
        <v>0.31386906464296055</v>
      </c>
      <c r="BV46" s="92">
        <v>0.15957857596238401</v>
      </c>
      <c r="BW46" s="214">
        <v>5.3388039301044098E-2</v>
      </c>
      <c r="BX46" s="92">
        <v>0.10338494245202927</v>
      </c>
      <c r="BY46" s="214">
        <v>0.63274289605599532</v>
      </c>
      <c r="BZ46" s="92">
        <v>0.16429129500465459</v>
      </c>
    </row>
    <row r="47" spans="1:78">
      <c r="A47" s="40" t="s">
        <v>541</v>
      </c>
      <c r="B47" s="320">
        <v>53</v>
      </c>
      <c r="C47" s="321">
        <v>0.48769172018023527</v>
      </c>
      <c r="D47" s="316">
        <v>0.13241853436919757</v>
      </c>
      <c r="E47" s="321">
        <v>7.0496345554267925E-2</v>
      </c>
      <c r="F47" s="316">
        <v>7.9696422512351484E-2</v>
      </c>
      <c r="G47" s="321">
        <v>0.44181193426549648</v>
      </c>
      <c r="H47" s="316">
        <v>0.1316754868627652</v>
      </c>
      <c r="I47" s="320">
        <v>47</v>
      </c>
      <c r="J47" s="321">
        <v>0.3241351524597606</v>
      </c>
      <c r="K47" s="316">
        <v>0.13246762694621156</v>
      </c>
      <c r="L47" s="321">
        <v>0.26688104949769842</v>
      </c>
      <c r="M47" s="316">
        <v>0.12644331442498682</v>
      </c>
      <c r="N47" s="321">
        <v>0.40898379804254026</v>
      </c>
      <c r="O47" s="316">
        <v>0.13804362351600336</v>
      </c>
      <c r="P47" s="320">
        <v>45</v>
      </c>
      <c r="Q47" s="321">
        <v>0.41775739053407646</v>
      </c>
      <c r="R47" s="316">
        <v>0.14121784623796113</v>
      </c>
      <c r="S47" s="321">
        <v>0.22848417566601506</v>
      </c>
      <c r="T47" s="316">
        <v>0.12382474300992793</v>
      </c>
      <c r="U47" s="321">
        <v>0.3537584337999079</v>
      </c>
      <c r="V47" s="316">
        <v>0.13760712353553523</v>
      </c>
      <c r="W47" s="320">
        <v>54</v>
      </c>
      <c r="X47" s="321">
        <v>0.56560291958052178</v>
      </c>
      <c r="Y47" s="316">
        <v>0.13032304875369635</v>
      </c>
      <c r="Z47" s="321">
        <v>0.10870606519291348</v>
      </c>
      <c r="AA47" s="316">
        <v>8.9934679212206894E-2</v>
      </c>
      <c r="AB47" s="321">
        <v>0.32569101522656396</v>
      </c>
      <c r="AC47" s="316">
        <v>0.12419748189676623</v>
      </c>
      <c r="AD47" s="320">
        <v>53</v>
      </c>
      <c r="AE47" s="321">
        <v>0.471692707395797</v>
      </c>
      <c r="AF47" s="316">
        <v>0.13226958506492273</v>
      </c>
      <c r="AG47" s="321">
        <v>0.23407571076958725</v>
      </c>
      <c r="AH47" s="316">
        <v>0.11512343967843469</v>
      </c>
      <c r="AI47" s="321">
        <v>0.29423158183461501</v>
      </c>
      <c r="AJ47" s="316">
        <v>0.122372280408148</v>
      </c>
      <c r="AK47" s="320">
        <v>47</v>
      </c>
      <c r="AL47" s="321">
        <v>0.50612627864804738</v>
      </c>
      <c r="AM47" s="316">
        <v>0.14001908136018859</v>
      </c>
      <c r="AN47" s="321">
        <v>0.13559359854830036</v>
      </c>
      <c r="AO47" s="316">
        <v>0.10374222529822376</v>
      </c>
      <c r="AP47" s="321">
        <v>0.35828012280365179</v>
      </c>
      <c r="AQ47" s="316">
        <v>0.13516654661041383</v>
      </c>
      <c r="AR47" s="320">
        <v>54</v>
      </c>
      <c r="AS47" s="321">
        <v>0.72019919226007556</v>
      </c>
      <c r="AT47" s="316">
        <v>0.11976115684585775</v>
      </c>
      <c r="AU47" s="321">
        <v>0.10091954029020167</v>
      </c>
      <c r="AV47" s="316">
        <v>8.7865452910999467E-2</v>
      </c>
      <c r="AW47" s="321">
        <v>0.1788812674497221</v>
      </c>
      <c r="AX47" s="316">
        <v>0.10524695970304639</v>
      </c>
      <c r="AY47" s="320">
        <v>45</v>
      </c>
      <c r="AZ47" s="321">
        <v>0.2834499038805311</v>
      </c>
      <c r="BA47" s="316">
        <v>0.131070852914804</v>
      </c>
      <c r="BB47" s="321">
        <v>0.36118687052002768</v>
      </c>
      <c r="BC47" s="316">
        <v>0.13813583408601443</v>
      </c>
      <c r="BD47" s="321">
        <v>0.35536322559944056</v>
      </c>
      <c r="BE47" s="316">
        <v>0.13772385066022985</v>
      </c>
      <c r="BF47" s="320">
        <v>53</v>
      </c>
      <c r="BG47" s="321">
        <v>0.37928585675950716</v>
      </c>
      <c r="BH47" s="316">
        <v>0.12907267489020319</v>
      </c>
      <c r="BI47" s="321">
        <v>0.29631538022429299</v>
      </c>
      <c r="BJ47" s="316">
        <v>0.12258360939602285</v>
      </c>
      <c r="BK47" s="321">
        <v>0.32439876301619913</v>
      </c>
      <c r="BL47" s="316">
        <v>0.12519183389511163</v>
      </c>
      <c r="BM47" s="320">
        <v>58</v>
      </c>
      <c r="BN47" s="321">
        <v>0.60714772531574912</v>
      </c>
      <c r="BO47" s="316">
        <v>0.12442200589017523</v>
      </c>
      <c r="BP47" s="321">
        <v>5.6940631120225904E-2</v>
      </c>
      <c r="BQ47" s="316">
        <v>7.1034095713548503E-2</v>
      </c>
      <c r="BR47" s="321">
        <v>0.33591164356402425</v>
      </c>
      <c r="BS47" s="316">
        <v>0.12086706444901647</v>
      </c>
      <c r="BT47" s="320">
        <v>40</v>
      </c>
      <c r="BU47" s="321">
        <v>0.5608010762227511</v>
      </c>
      <c r="BV47" s="316">
        <v>0.14983166841581624</v>
      </c>
      <c r="BW47" s="321">
        <v>0.2555096223971996</v>
      </c>
      <c r="BX47" s="316">
        <v>0.13504165127002127</v>
      </c>
      <c r="BY47" s="321">
        <v>0.18368930138004885</v>
      </c>
      <c r="BZ47" s="316">
        <v>0.12332957255442908</v>
      </c>
    </row>
    <row r="48" spans="1:78">
      <c r="A48" s="44" t="s">
        <v>542</v>
      </c>
      <c r="B48" s="210">
        <v>407</v>
      </c>
      <c r="C48" s="214">
        <v>0.37772550886160322</v>
      </c>
      <c r="D48" s="92">
        <v>4.7858118644397478E-2</v>
      </c>
      <c r="E48" s="214">
        <v>0.17699665830589978</v>
      </c>
      <c r="F48" s="92">
        <v>3.7912658741643977E-2</v>
      </c>
      <c r="G48" s="214">
        <v>0.44527783283249789</v>
      </c>
      <c r="H48" s="92">
        <v>4.9035811749975344E-2</v>
      </c>
      <c r="I48" s="210">
        <v>406</v>
      </c>
      <c r="J48" s="214">
        <v>0.36546718904108016</v>
      </c>
      <c r="K48" s="92">
        <v>4.7601224907953113E-2</v>
      </c>
      <c r="L48" s="214">
        <v>0.22206632396187412</v>
      </c>
      <c r="M48" s="92">
        <v>4.1231385188847766E-2</v>
      </c>
      <c r="N48" s="214">
        <v>0.41246648699704735</v>
      </c>
      <c r="O48" s="92">
        <v>4.8638703800785048E-2</v>
      </c>
      <c r="P48" s="210">
        <v>385</v>
      </c>
      <c r="Q48" s="214">
        <v>0.3300261454859883</v>
      </c>
      <c r="R48" s="92">
        <v>4.7746114730281092E-2</v>
      </c>
      <c r="S48" s="214">
        <v>0.25697974126436196</v>
      </c>
      <c r="T48" s="92">
        <v>4.445031159548922E-2</v>
      </c>
      <c r="U48" s="214">
        <v>0.41299411324965157</v>
      </c>
      <c r="V48" s="92">
        <v>4.994442741866454E-2</v>
      </c>
      <c r="W48" s="210">
        <v>414</v>
      </c>
      <c r="X48" s="214">
        <v>0.69871575610480785</v>
      </c>
      <c r="Y48" s="92">
        <v>4.4962949395622336E-2</v>
      </c>
      <c r="Z48" s="214">
        <v>0.10411705759019226</v>
      </c>
      <c r="AA48" s="92">
        <v>3.0350714480464596E-2</v>
      </c>
      <c r="AB48" s="214">
        <v>0.19716718630500057</v>
      </c>
      <c r="AC48" s="92">
        <v>3.9134055035896571E-2</v>
      </c>
      <c r="AD48" s="210">
        <v>414</v>
      </c>
      <c r="AE48" s="214">
        <v>0.52072237991595915</v>
      </c>
      <c r="AF48" s="92">
        <v>4.8870374599018246E-2</v>
      </c>
      <c r="AG48" s="214">
        <v>0.16843480767384456</v>
      </c>
      <c r="AH48" s="92">
        <v>3.688317057387009E-2</v>
      </c>
      <c r="AI48" s="214">
        <v>0.31084281241019784</v>
      </c>
      <c r="AJ48" s="92">
        <v>4.5348314381497105E-2</v>
      </c>
      <c r="AK48" s="210">
        <v>375</v>
      </c>
      <c r="AL48" s="214">
        <v>0.58542501062983554</v>
      </c>
      <c r="AM48" s="92">
        <v>5.0627283123979218E-2</v>
      </c>
      <c r="AN48" s="214">
        <v>0.16095158186960709</v>
      </c>
      <c r="AO48" s="92">
        <v>3.8088888075253235E-2</v>
      </c>
      <c r="AP48" s="214">
        <v>0.25362340750055939</v>
      </c>
      <c r="AQ48" s="92">
        <v>4.4847805932369901E-2</v>
      </c>
      <c r="AR48" s="210">
        <v>438</v>
      </c>
      <c r="AS48" s="214">
        <v>0.75128951602439498</v>
      </c>
      <c r="AT48" s="92">
        <v>4.1246563459172596E-2</v>
      </c>
      <c r="AU48" s="214">
        <v>0.14017875244757766</v>
      </c>
      <c r="AV48" s="92">
        <v>3.3344688100105137E-2</v>
      </c>
      <c r="AW48" s="214">
        <v>0.10853173152802809</v>
      </c>
      <c r="AX48" s="92">
        <v>3.0009614259323001E-2</v>
      </c>
      <c r="AY48" s="210">
        <v>377</v>
      </c>
      <c r="AZ48" s="214">
        <v>0.24275107560856582</v>
      </c>
      <c r="BA48" s="92">
        <v>4.409548696484724E-2</v>
      </c>
      <c r="BB48" s="214">
        <v>0.16149390272471398</v>
      </c>
      <c r="BC48" s="92">
        <v>3.8036728389453309E-2</v>
      </c>
      <c r="BD48" s="214">
        <v>0.5957550216667219</v>
      </c>
      <c r="BE48" s="92">
        <v>5.0303278712127579E-2</v>
      </c>
      <c r="BF48" s="210">
        <v>430</v>
      </c>
      <c r="BG48" s="214">
        <v>0.41676434730092671</v>
      </c>
      <c r="BH48" s="92">
        <v>4.73441119776827E-2</v>
      </c>
      <c r="BI48" s="214">
        <v>0.1983730157436982</v>
      </c>
      <c r="BJ48" s="92">
        <v>3.8483997917871264E-2</v>
      </c>
      <c r="BK48" s="214">
        <v>0.38486263695537654</v>
      </c>
      <c r="BL48" s="92">
        <v>4.6735516552840958E-2</v>
      </c>
      <c r="BM48" s="210">
        <v>437</v>
      </c>
      <c r="BN48" s="214">
        <v>0.63228867294467961</v>
      </c>
      <c r="BO48" s="92">
        <v>4.595331683128525E-2</v>
      </c>
      <c r="BP48" s="214">
        <v>0.14608356344844245</v>
      </c>
      <c r="BQ48" s="92">
        <v>3.3940735867915871E-2</v>
      </c>
      <c r="BR48" s="214">
        <v>0.22162776360687894</v>
      </c>
      <c r="BS48" s="92">
        <v>3.9716484702155878E-2</v>
      </c>
      <c r="BT48" s="210">
        <v>328</v>
      </c>
      <c r="BU48" s="214">
        <v>0.56930762508742339</v>
      </c>
      <c r="BV48" s="92">
        <v>5.4365064963563983E-2</v>
      </c>
      <c r="BW48" s="214">
        <v>0.19681574712614858</v>
      </c>
      <c r="BX48" s="92">
        <v>4.394423110193308E-2</v>
      </c>
      <c r="BY48" s="214">
        <v>0.23387662778642951</v>
      </c>
      <c r="BZ48" s="92">
        <v>4.6682033401872387E-2</v>
      </c>
    </row>
    <row r="49" spans="1:78">
      <c r="A49" s="40" t="s">
        <v>543</v>
      </c>
      <c r="B49" s="320">
        <v>41</v>
      </c>
      <c r="C49" s="321">
        <v>0.22410235124022029</v>
      </c>
      <c r="D49" s="316">
        <v>0.12886216825348604</v>
      </c>
      <c r="E49" s="321">
        <v>0.15986105083353869</v>
      </c>
      <c r="F49" s="316">
        <v>0.11698405505540062</v>
      </c>
      <c r="G49" s="321">
        <v>0.61603659792624166</v>
      </c>
      <c r="H49" s="316">
        <v>0.14570070061865986</v>
      </c>
      <c r="I49" s="320">
        <v>41</v>
      </c>
      <c r="J49" s="321">
        <v>0.25258138996841351</v>
      </c>
      <c r="K49" s="316">
        <v>0.13306078428659585</v>
      </c>
      <c r="L49" s="321">
        <v>0.20065459198923982</v>
      </c>
      <c r="M49" s="316">
        <v>0.12494072140647525</v>
      </c>
      <c r="N49" s="321">
        <v>0.54676401804234753</v>
      </c>
      <c r="O49" s="316">
        <v>0.14852897214044905</v>
      </c>
      <c r="P49" s="320">
        <v>37</v>
      </c>
      <c r="Q49" s="321">
        <v>8.2465539125348361E-2</v>
      </c>
      <c r="R49" s="316">
        <v>0.10265842892431273</v>
      </c>
      <c r="S49" s="321">
        <v>0.19886114385271955</v>
      </c>
      <c r="T49" s="316">
        <v>0.13109177508403444</v>
      </c>
      <c r="U49" s="321">
        <v>0.71867331702193271</v>
      </c>
      <c r="V49" s="316">
        <v>0.14349545311457249</v>
      </c>
      <c r="W49" s="320">
        <v>40</v>
      </c>
      <c r="X49" s="321">
        <v>0.71907092219638313</v>
      </c>
      <c r="Y49" s="316">
        <v>0.13828072011065762</v>
      </c>
      <c r="Z49" s="321">
        <v>8.1221514409638193E-2</v>
      </c>
      <c r="AA49" s="316">
        <v>9.772951371893128E-2</v>
      </c>
      <c r="AB49" s="321">
        <v>0.19970756339397933</v>
      </c>
      <c r="AC49" s="316">
        <v>0.1263022184165864</v>
      </c>
      <c r="AD49" s="320">
        <v>41</v>
      </c>
      <c r="AE49" s="321">
        <v>0.42691545225949862</v>
      </c>
      <c r="AF49" s="316">
        <v>0.14774332672145707</v>
      </c>
      <c r="AG49" s="321">
        <v>0.26654058968780753</v>
      </c>
      <c r="AH49" s="316">
        <v>0.13490919919196331</v>
      </c>
      <c r="AI49" s="321">
        <v>0.30654395805269474</v>
      </c>
      <c r="AJ49" s="316">
        <v>0.13950147120284126</v>
      </c>
      <c r="AK49" s="320">
        <v>37</v>
      </c>
      <c r="AL49" s="321">
        <v>0.49763678359415325</v>
      </c>
      <c r="AM49" s="316">
        <v>0.15617234125277843</v>
      </c>
      <c r="AN49" s="321">
        <v>0.31291313074334365</v>
      </c>
      <c r="AO49" s="316">
        <v>0.14700088414845205</v>
      </c>
      <c r="AP49" s="321">
        <v>0.18945008566250393</v>
      </c>
      <c r="AQ49" s="316">
        <v>0.12933549255415244</v>
      </c>
      <c r="AR49" s="320">
        <v>46</v>
      </c>
      <c r="AS49" s="321">
        <v>0.80522269642286504</v>
      </c>
      <c r="AT49" s="316">
        <v>0.11701234771424224</v>
      </c>
      <c r="AU49" s="321">
        <v>0.16606130371074587</v>
      </c>
      <c r="AV49" s="316">
        <v>0.11157550241622181</v>
      </c>
      <c r="AW49" s="321">
        <v>2.8715999866389473E-2</v>
      </c>
      <c r="AX49" s="316">
        <v>7.0431398411202092E-2</v>
      </c>
      <c r="AY49" s="320">
        <v>40</v>
      </c>
      <c r="AZ49" s="321">
        <v>0.11749855941207014</v>
      </c>
      <c r="BA49" s="316">
        <v>0.10832813493984877</v>
      </c>
      <c r="BB49" s="321">
        <v>0.16745333923158626</v>
      </c>
      <c r="BC49" s="316">
        <v>0.12007783551681185</v>
      </c>
      <c r="BD49" s="321">
        <v>0.71504810135634411</v>
      </c>
      <c r="BE49" s="316">
        <v>0.1387543365017791</v>
      </c>
      <c r="BF49" s="320">
        <v>43</v>
      </c>
      <c r="BG49" s="321">
        <v>0.24058811501122498</v>
      </c>
      <c r="BH49" s="316">
        <v>0.12838520515352891</v>
      </c>
      <c r="BI49" s="321">
        <v>0.21972809115252281</v>
      </c>
      <c r="BJ49" s="316">
        <v>0.12522296929968918</v>
      </c>
      <c r="BK49" s="321">
        <v>0.53968379383625298</v>
      </c>
      <c r="BL49" s="316">
        <v>0.14547993696920791</v>
      </c>
      <c r="BM49" s="320">
        <v>46</v>
      </c>
      <c r="BN49" s="321">
        <v>0.88435961498692661</v>
      </c>
      <c r="BO49" s="316">
        <v>9.998374657557689E-2</v>
      </c>
      <c r="BP49" s="321">
        <v>3.9767281871920905E-2</v>
      </c>
      <c r="BQ49" s="316">
        <v>7.5217284900311099E-2</v>
      </c>
      <c r="BR49" s="321">
        <v>7.5873103141152795E-2</v>
      </c>
      <c r="BS49" s="316">
        <v>8.8429180751809708E-2</v>
      </c>
      <c r="BT49" s="320">
        <v>32</v>
      </c>
      <c r="BU49" s="321">
        <v>0.46050516671582442</v>
      </c>
      <c r="BV49" s="316">
        <v>0.16625533654277985</v>
      </c>
      <c r="BW49" s="321">
        <v>0.20798992797540725</v>
      </c>
      <c r="BX49" s="316">
        <v>0.14244931494107949</v>
      </c>
      <c r="BY49" s="321">
        <v>0.3315049053087688</v>
      </c>
      <c r="BZ49" s="316">
        <v>0.15901359949156593</v>
      </c>
    </row>
    <row r="50" spans="1:78">
      <c r="A50" s="44" t="s">
        <v>550</v>
      </c>
      <c r="B50" s="210">
        <v>60</v>
      </c>
      <c r="C50" s="214">
        <v>0.44413796954925844</v>
      </c>
      <c r="D50" s="92">
        <v>0.12431243769405186</v>
      </c>
      <c r="E50" s="214">
        <v>0.15479963660218105</v>
      </c>
      <c r="F50" s="92">
        <v>9.5284652117426233E-2</v>
      </c>
      <c r="G50" s="214">
        <v>0.40106239384856029</v>
      </c>
      <c r="H50" s="92">
        <v>0.1228303439744685</v>
      </c>
      <c r="I50" s="210">
        <v>62</v>
      </c>
      <c r="J50" s="214">
        <v>0.46420911433465456</v>
      </c>
      <c r="K50" s="92">
        <v>0.12281288515135007</v>
      </c>
      <c r="L50" s="214">
        <v>0.20774590518202399</v>
      </c>
      <c r="M50" s="92">
        <v>0.10287587136348393</v>
      </c>
      <c r="N50" s="214">
        <v>0.32804498048332098</v>
      </c>
      <c r="O50" s="92">
        <v>0.11649084431434623</v>
      </c>
      <c r="P50" s="210">
        <v>58</v>
      </c>
      <c r="Q50" s="214">
        <v>0.53127994364941689</v>
      </c>
      <c r="R50" s="92">
        <v>0.1267824507589291</v>
      </c>
      <c r="S50" s="214">
        <v>0.16441915178857339</v>
      </c>
      <c r="T50" s="92">
        <v>9.8847441736216526E-2</v>
      </c>
      <c r="U50" s="214">
        <v>0.3043009045620092</v>
      </c>
      <c r="V50" s="92">
        <v>0.11818087544967984</v>
      </c>
      <c r="W50" s="210">
        <v>64</v>
      </c>
      <c r="X50" s="214">
        <v>0.57732401285705559</v>
      </c>
      <c r="Y50" s="92">
        <v>0.11997639977673037</v>
      </c>
      <c r="Z50" s="214">
        <v>0.20214765682456107</v>
      </c>
      <c r="AA50" s="92">
        <v>0.1004150751661409</v>
      </c>
      <c r="AB50" s="214">
        <v>0.22052833031838287</v>
      </c>
      <c r="AC50" s="92">
        <v>0.10313157871019513</v>
      </c>
      <c r="AD50" s="210">
        <v>65</v>
      </c>
      <c r="AE50" s="214">
        <v>0.59414386398227259</v>
      </c>
      <c r="AF50" s="92">
        <v>0.11847698958276452</v>
      </c>
      <c r="AG50" s="214">
        <v>0.17143515377309368</v>
      </c>
      <c r="AH50" s="92">
        <v>9.4546622151579982E-2</v>
      </c>
      <c r="AI50" s="214">
        <v>0.23442098224463309</v>
      </c>
      <c r="AJ50" s="92">
        <v>0.10423173739272443</v>
      </c>
      <c r="AK50" s="210">
        <v>64</v>
      </c>
      <c r="AL50" s="214">
        <v>0.57507906826846455</v>
      </c>
      <c r="AM50" s="92">
        <v>0.12005067301263317</v>
      </c>
      <c r="AN50" s="214">
        <v>0.1650133378077939</v>
      </c>
      <c r="AO50" s="92">
        <v>9.4120553215567893E-2</v>
      </c>
      <c r="AP50" s="214">
        <v>0.25990759392374091</v>
      </c>
      <c r="AQ50" s="92">
        <v>0.10817683368871257</v>
      </c>
      <c r="AR50" s="210">
        <v>72</v>
      </c>
      <c r="AS50" s="214">
        <v>0.75899248009685616</v>
      </c>
      <c r="AT50" s="92">
        <v>9.9946784252771856E-2</v>
      </c>
      <c r="AU50" s="214">
        <v>0.14698710605916457</v>
      </c>
      <c r="AV50" s="92">
        <v>8.5271822115894569E-2</v>
      </c>
      <c r="AW50" s="214">
        <v>9.4020413843978967E-2</v>
      </c>
      <c r="AX50" s="92">
        <v>7.3295876675262245E-2</v>
      </c>
      <c r="AY50" s="210">
        <v>54</v>
      </c>
      <c r="AZ50" s="214">
        <v>0.23592932632990113</v>
      </c>
      <c r="BA50" s="92">
        <v>0.11433568235988387</v>
      </c>
      <c r="BB50" s="214">
        <v>0.2829674226012599</v>
      </c>
      <c r="BC50" s="92">
        <v>0.12010622056570408</v>
      </c>
      <c r="BD50" s="214">
        <v>0.48110325106883872</v>
      </c>
      <c r="BE50" s="92">
        <v>0.1312251205668194</v>
      </c>
      <c r="BF50" s="210">
        <v>67</v>
      </c>
      <c r="BG50" s="214">
        <v>0.48092198284522303</v>
      </c>
      <c r="BH50" s="92">
        <v>0.11860121007753487</v>
      </c>
      <c r="BI50" s="214">
        <v>0.24801943128701415</v>
      </c>
      <c r="BJ50" s="92">
        <v>0.10439862416445812</v>
      </c>
      <c r="BK50" s="214">
        <v>0.27105858586776221</v>
      </c>
      <c r="BL50" s="92">
        <v>0.10702778099420375</v>
      </c>
      <c r="BM50" s="210">
        <v>70</v>
      </c>
      <c r="BN50" s="214">
        <v>0.69996687336361785</v>
      </c>
      <c r="BO50" s="92">
        <v>0.10760772266560846</v>
      </c>
      <c r="BP50" s="214">
        <v>0.12510985079383977</v>
      </c>
      <c r="BQ50" s="92">
        <v>8.1949401015944071E-2</v>
      </c>
      <c r="BR50" s="214">
        <v>0.17492327584254153</v>
      </c>
      <c r="BS50" s="92">
        <v>9.1663506025365979E-2</v>
      </c>
      <c r="BT50" s="210">
        <v>50</v>
      </c>
      <c r="BU50" s="214">
        <v>0.60883187989555354</v>
      </c>
      <c r="BV50" s="92">
        <v>0.1332903694301954</v>
      </c>
      <c r="BW50" s="214">
        <v>0.14216831934164931</v>
      </c>
      <c r="BX50" s="92">
        <v>0.10191620623011752</v>
      </c>
      <c r="BY50" s="214">
        <v>0.2489998007627969</v>
      </c>
      <c r="BZ50" s="92">
        <v>0.12048873044999975</v>
      </c>
    </row>
    <row r="51" spans="1:78">
      <c r="A51" s="40" t="s">
        <v>544</v>
      </c>
      <c r="B51" s="320">
        <v>87</v>
      </c>
      <c r="C51" s="321">
        <v>0.36632329620281312</v>
      </c>
      <c r="D51" s="316">
        <v>0.10134631179648583</v>
      </c>
      <c r="E51" s="321">
        <v>0.25518665380372996</v>
      </c>
      <c r="F51" s="316">
        <v>9.2634105106572523E-2</v>
      </c>
      <c r="G51" s="321">
        <v>0.37849004999345537</v>
      </c>
      <c r="H51" s="316">
        <v>0.10195987090862958</v>
      </c>
      <c r="I51" s="320">
        <v>87</v>
      </c>
      <c r="J51" s="321">
        <v>0.41916002739074343</v>
      </c>
      <c r="K51" s="316">
        <v>0.10356858671937827</v>
      </c>
      <c r="L51" s="321">
        <v>0.16119053362153721</v>
      </c>
      <c r="M51" s="316">
        <v>7.9856449195015403E-2</v>
      </c>
      <c r="N51" s="321">
        <v>0.419649438987718</v>
      </c>
      <c r="O51" s="316">
        <v>0.1035838869502806</v>
      </c>
      <c r="P51" s="320">
        <v>82</v>
      </c>
      <c r="Q51" s="321">
        <v>0.40353600289807995</v>
      </c>
      <c r="R51" s="316">
        <v>0.10599257902176458</v>
      </c>
      <c r="S51" s="321">
        <v>0.26436409719693821</v>
      </c>
      <c r="T51" s="316">
        <v>9.6332914288149898E-2</v>
      </c>
      <c r="U51" s="321">
        <v>0.33209989990498046</v>
      </c>
      <c r="V51" s="316">
        <v>0.10215604524228165</v>
      </c>
      <c r="W51" s="320">
        <v>88</v>
      </c>
      <c r="X51" s="321">
        <v>0.76869732035251925</v>
      </c>
      <c r="Y51" s="316">
        <v>8.9428956040219304E-2</v>
      </c>
      <c r="Z51" s="321">
        <v>7.4421387894293492E-2</v>
      </c>
      <c r="AA51" s="316">
        <v>6.0537371237776125E-2</v>
      </c>
      <c r="AB51" s="321">
        <v>0.15688129175318663</v>
      </c>
      <c r="AC51" s="316">
        <v>7.8652905492590922E-2</v>
      </c>
      <c r="AD51" s="320">
        <v>87</v>
      </c>
      <c r="AE51" s="321">
        <v>0.50738690872563208</v>
      </c>
      <c r="AF51" s="316">
        <v>0.10481802655084524</v>
      </c>
      <c r="AG51" s="321">
        <v>0.17808810191463198</v>
      </c>
      <c r="AH51" s="316">
        <v>8.2617242114289696E-2</v>
      </c>
      <c r="AI51" s="321">
        <v>0.31452498935973461</v>
      </c>
      <c r="AJ51" s="316">
        <v>9.8014758940894176E-2</v>
      </c>
      <c r="AK51" s="320">
        <v>78</v>
      </c>
      <c r="AL51" s="321">
        <v>0.72365027791184233</v>
      </c>
      <c r="AM51" s="316">
        <v>9.993692550957875E-2</v>
      </c>
      <c r="AN51" s="321">
        <v>6.9184020686723177E-2</v>
      </c>
      <c r="AO51" s="316">
        <v>6.3270035431416127E-2</v>
      </c>
      <c r="AP51" s="321">
        <v>0.20716570140143406</v>
      </c>
      <c r="AQ51" s="316">
        <v>9.1707399327123837E-2</v>
      </c>
      <c r="AR51" s="320">
        <v>90</v>
      </c>
      <c r="AS51" s="321">
        <v>0.73580084749509866</v>
      </c>
      <c r="AT51" s="316">
        <v>9.2028988511196771E-2</v>
      </c>
      <c r="AU51" s="321">
        <v>0.10227918370824264</v>
      </c>
      <c r="AV51" s="316">
        <v>6.6841828414451687E-2</v>
      </c>
      <c r="AW51" s="321">
        <v>0.16191996879665829</v>
      </c>
      <c r="AX51" s="316">
        <v>7.8610925275740429E-2</v>
      </c>
      <c r="AY51" s="320">
        <v>84</v>
      </c>
      <c r="AZ51" s="321">
        <v>0.32938894680046604</v>
      </c>
      <c r="BA51" s="316">
        <v>0.10078733721170897</v>
      </c>
      <c r="BB51" s="321">
        <v>0.16090970107396893</v>
      </c>
      <c r="BC51" s="316">
        <v>8.1249652490643545E-2</v>
      </c>
      <c r="BD51" s="321">
        <v>0.50970135212556389</v>
      </c>
      <c r="BE51" s="316">
        <v>0.10658207365327275</v>
      </c>
      <c r="BF51" s="320">
        <v>88</v>
      </c>
      <c r="BG51" s="321">
        <v>0.49050229940272067</v>
      </c>
      <c r="BH51" s="316">
        <v>0.10423999632715472</v>
      </c>
      <c r="BI51" s="321">
        <v>0.15007003523929269</v>
      </c>
      <c r="BJ51" s="316">
        <v>7.7449971160746867E-2</v>
      </c>
      <c r="BK51" s="321">
        <v>0.35942766535798526</v>
      </c>
      <c r="BL51" s="316">
        <v>0.10041660514680661</v>
      </c>
      <c r="BM51" s="320">
        <v>84</v>
      </c>
      <c r="BN51" s="321">
        <v>0.46483093634974509</v>
      </c>
      <c r="BO51" s="316">
        <v>0.10635981459909534</v>
      </c>
      <c r="BP51" s="321">
        <v>0.18772223104428196</v>
      </c>
      <c r="BQ51" s="316">
        <v>8.5585239649571876E-2</v>
      </c>
      <c r="BR51" s="321">
        <v>0.34744683260597148</v>
      </c>
      <c r="BS51" s="316">
        <v>0.10197930416019028</v>
      </c>
      <c r="BT51" s="320">
        <v>70</v>
      </c>
      <c r="BU51" s="321">
        <v>0.6119663548706189</v>
      </c>
      <c r="BV51" s="316">
        <v>0.11360962066618732</v>
      </c>
      <c r="BW51" s="321">
        <v>0.22668645261897771</v>
      </c>
      <c r="BX51" s="316">
        <v>9.9500685869705077E-2</v>
      </c>
      <c r="BY51" s="321">
        <v>0.16134719251040239</v>
      </c>
      <c r="BZ51" s="316">
        <v>8.9254461379080607E-2</v>
      </c>
    </row>
    <row r="52" spans="1:78">
      <c r="A52" s="44" t="s">
        <v>545</v>
      </c>
      <c r="B52" s="210">
        <v>103</v>
      </c>
      <c r="C52" s="214">
        <v>0.46471832638378735</v>
      </c>
      <c r="D52" s="92">
        <v>9.6450371296791362E-2</v>
      </c>
      <c r="E52" s="214">
        <v>0.1515687486665358</v>
      </c>
      <c r="F52" s="92">
        <v>7.169586858714426E-2</v>
      </c>
      <c r="G52" s="214">
        <v>0.38371292494967535</v>
      </c>
      <c r="H52" s="92">
        <v>9.4219759020682053E-2</v>
      </c>
      <c r="I52" s="210">
        <v>106</v>
      </c>
      <c r="J52" s="214">
        <v>0.37375559003985642</v>
      </c>
      <c r="K52" s="92">
        <v>9.248103024516334E-2</v>
      </c>
      <c r="L52" s="214">
        <v>0.24129542482366106</v>
      </c>
      <c r="M52" s="92">
        <v>8.2649520252207107E-2</v>
      </c>
      <c r="N52" s="214">
        <v>0.38494898513648118</v>
      </c>
      <c r="O52" s="92">
        <v>9.2972807865817367E-2</v>
      </c>
      <c r="P52" s="210">
        <v>102</v>
      </c>
      <c r="Q52" s="214">
        <v>0.28946914277768743</v>
      </c>
      <c r="R52" s="92">
        <v>8.8798859511857273E-2</v>
      </c>
      <c r="S52" s="214">
        <v>0.29542846517201315</v>
      </c>
      <c r="T52" s="92">
        <v>8.9284228671555402E-2</v>
      </c>
      <c r="U52" s="214">
        <v>0.41510239205029803</v>
      </c>
      <c r="V52" s="92">
        <v>9.5823363968314854E-2</v>
      </c>
      <c r="W52" s="210">
        <v>106</v>
      </c>
      <c r="X52" s="214">
        <v>0.71794974366360831</v>
      </c>
      <c r="Y52" s="92">
        <v>8.6526883697287019E-2</v>
      </c>
      <c r="Z52" s="214">
        <v>7.6089651528332802E-2</v>
      </c>
      <c r="AA52" s="92">
        <v>5.498147997537884E-2</v>
      </c>
      <c r="AB52" s="214">
        <v>0.20596060480805814</v>
      </c>
      <c r="AC52" s="92">
        <v>7.8558477870212334E-2</v>
      </c>
      <c r="AD52" s="210">
        <v>104</v>
      </c>
      <c r="AE52" s="214">
        <v>0.56480696181849932</v>
      </c>
      <c r="AF52" s="92">
        <v>9.5472587358920336E-2</v>
      </c>
      <c r="AG52" s="214">
        <v>0.14158476771599104</v>
      </c>
      <c r="AH52" s="92">
        <v>6.962278531298817E-2</v>
      </c>
      <c r="AI52" s="214">
        <v>0.29360827046550847</v>
      </c>
      <c r="AJ52" s="92">
        <v>8.8296511174580025E-2</v>
      </c>
      <c r="AK52" s="210">
        <v>98</v>
      </c>
      <c r="AL52" s="214">
        <v>0.64571558314980781</v>
      </c>
      <c r="AM52" s="92">
        <v>9.5054092126092685E-2</v>
      </c>
      <c r="AN52" s="214">
        <v>0.17300137793398257</v>
      </c>
      <c r="AO52" s="92">
        <v>7.7026600244118462E-2</v>
      </c>
      <c r="AP52" s="214">
        <v>0.18128303891620895</v>
      </c>
      <c r="AQ52" s="92">
        <v>7.827312143442039E-2</v>
      </c>
      <c r="AR52" s="210">
        <v>112</v>
      </c>
      <c r="AS52" s="214">
        <v>0.78327679220428403</v>
      </c>
      <c r="AT52" s="92">
        <v>7.7724764389061812E-2</v>
      </c>
      <c r="AU52" s="214">
        <v>0.13547134034584821</v>
      </c>
      <c r="AV52" s="92">
        <v>6.5948012273049222E-2</v>
      </c>
      <c r="AW52" s="214">
        <v>8.1251867449868398E-2</v>
      </c>
      <c r="AX52" s="92">
        <v>5.4625560219572343E-2</v>
      </c>
      <c r="AY52" s="210">
        <v>97</v>
      </c>
      <c r="AZ52" s="214">
        <v>0.24695794877746263</v>
      </c>
      <c r="BA52" s="92">
        <v>8.6959873715939107E-2</v>
      </c>
      <c r="BB52" s="214">
        <v>9.0660526912991216E-2</v>
      </c>
      <c r="BC52" s="92">
        <v>6.1483433715627839E-2</v>
      </c>
      <c r="BD52" s="214">
        <v>0.662381524309546</v>
      </c>
      <c r="BE52" s="92">
        <v>9.4539932120951908E-2</v>
      </c>
      <c r="BF52" s="210">
        <v>112</v>
      </c>
      <c r="BG52" s="214">
        <v>0.42124583770379792</v>
      </c>
      <c r="BH52" s="92">
        <v>9.1767725204203607E-2</v>
      </c>
      <c r="BI52" s="214">
        <v>0.20267687855959043</v>
      </c>
      <c r="BJ52" s="92">
        <v>7.6019614213310813E-2</v>
      </c>
      <c r="BK52" s="214">
        <v>0.37607728373661109</v>
      </c>
      <c r="BL52" s="92">
        <v>9.0150065038507796E-2</v>
      </c>
      <c r="BM52" s="210">
        <v>117</v>
      </c>
      <c r="BN52" s="214">
        <v>0.69835771751930054</v>
      </c>
      <c r="BO52" s="92">
        <v>8.3954452849473379E-2</v>
      </c>
      <c r="BP52" s="214">
        <v>0.13714765138299836</v>
      </c>
      <c r="BQ52" s="92">
        <v>6.4768935620875892E-2</v>
      </c>
      <c r="BR52" s="214">
        <v>0.16449463109770135</v>
      </c>
      <c r="BS52" s="92">
        <v>6.9175874412510621E-2</v>
      </c>
      <c r="BT52" s="210">
        <v>85</v>
      </c>
      <c r="BU52" s="214">
        <v>0.62252651156035332</v>
      </c>
      <c r="BV52" s="92">
        <v>0.10305586776149341</v>
      </c>
      <c r="BW52" s="214">
        <v>0.16321942217622742</v>
      </c>
      <c r="BX52" s="92">
        <v>8.1155945848200031E-2</v>
      </c>
      <c r="BY52" s="214">
        <v>0.21425406626341822</v>
      </c>
      <c r="BZ52" s="92">
        <v>8.8818391512875364E-2</v>
      </c>
    </row>
    <row r="53" spans="1:78">
      <c r="A53" s="40" t="s">
        <v>546</v>
      </c>
      <c r="B53" s="320">
        <v>42</v>
      </c>
      <c r="C53" s="321">
        <v>0.23509425169620396</v>
      </c>
      <c r="D53" s="316">
        <v>0.1290428569702752</v>
      </c>
      <c r="E53" s="321">
        <v>0.10947666288651747</v>
      </c>
      <c r="F53" s="316">
        <v>0.10336156603920689</v>
      </c>
      <c r="G53" s="321">
        <v>0.65542908541727896</v>
      </c>
      <c r="H53" s="316">
        <v>0.1413784790499929</v>
      </c>
      <c r="I53" s="320">
        <v>42</v>
      </c>
      <c r="J53" s="321">
        <v>0.41509724220707012</v>
      </c>
      <c r="K53" s="316">
        <v>0.14565912072035045</v>
      </c>
      <c r="L53" s="321">
        <v>0.22723783841533562</v>
      </c>
      <c r="M53" s="316">
        <v>0.1278508741154897</v>
      </c>
      <c r="N53" s="321">
        <v>0.35766491937759476</v>
      </c>
      <c r="O53" s="316">
        <v>0.14237454822691725</v>
      </c>
      <c r="P53" s="320">
        <v>40</v>
      </c>
      <c r="Q53" s="321">
        <v>0.30712421451508021</v>
      </c>
      <c r="R53" s="316">
        <v>0.14118180258246421</v>
      </c>
      <c r="S53" s="321">
        <v>0.31352448241470421</v>
      </c>
      <c r="T53" s="316">
        <v>0.14182636163666337</v>
      </c>
      <c r="U53" s="321">
        <v>0.37935130307021625</v>
      </c>
      <c r="V53" s="316">
        <v>0.14708382230400838</v>
      </c>
      <c r="W53" s="320">
        <v>44</v>
      </c>
      <c r="X53" s="321">
        <v>0.70263363798513634</v>
      </c>
      <c r="Y53" s="316">
        <v>0.13400804257318824</v>
      </c>
      <c r="Z53" s="321">
        <v>0.11777005090615583</v>
      </c>
      <c r="AA53" s="316">
        <v>0.10297072407314066</v>
      </c>
      <c r="AB53" s="321">
        <v>0.17959631110870844</v>
      </c>
      <c r="AC53" s="316">
        <v>0.11681121653657296</v>
      </c>
      <c r="AD53" s="320">
        <v>47</v>
      </c>
      <c r="AE53" s="321">
        <v>0.64425589007291495</v>
      </c>
      <c r="AF53" s="316">
        <v>0.13498772746119325</v>
      </c>
      <c r="AG53" s="321">
        <v>6.8538543484566117E-2</v>
      </c>
      <c r="AH53" s="316">
        <v>8.4897755421633941E-2</v>
      </c>
      <c r="AI53" s="321">
        <v>0.28720556644251949</v>
      </c>
      <c r="AJ53" s="316">
        <v>0.12880840211625838</v>
      </c>
      <c r="AK53" s="320">
        <v>38</v>
      </c>
      <c r="AL53" s="321">
        <v>0.59172181719971706</v>
      </c>
      <c r="AM53" s="316">
        <v>0.15216321325437832</v>
      </c>
      <c r="AN53" s="321">
        <v>8.9295264658941151E-2</v>
      </c>
      <c r="AO53" s="316">
        <v>0.10324306636896807</v>
      </c>
      <c r="AP53" s="321">
        <v>0.31898291814134228</v>
      </c>
      <c r="AQ53" s="316">
        <v>0.14579077520772024</v>
      </c>
      <c r="AR53" s="320">
        <v>48</v>
      </c>
      <c r="AS53" s="321">
        <v>0.83254467554941758</v>
      </c>
      <c r="AT53" s="316">
        <v>0.10946474977716222</v>
      </c>
      <c r="AU53" s="321">
        <v>8.0801753460828352E-2</v>
      </c>
      <c r="AV53" s="316">
        <v>8.7823237495743736E-2</v>
      </c>
      <c r="AW53" s="321">
        <v>8.6653570989754167E-2</v>
      </c>
      <c r="AX53" s="316">
        <v>8.9622789814988335E-2</v>
      </c>
      <c r="AY53" s="320">
        <v>34</v>
      </c>
      <c r="AZ53" s="321">
        <v>0.1663160902043356</v>
      </c>
      <c r="BA53" s="316">
        <v>0.13012639673994578</v>
      </c>
      <c r="BB53" s="321">
        <v>0.13318935558997122</v>
      </c>
      <c r="BC53" s="316">
        <v>0.12238223897395635</v>
      </c>
      <c r="BD53" s="321">
        <v>0.70049455420569384</v>
      </c>
      <c r="BE53" s="316">
        <v>0.15142108474132127</v>
      </c>
      <c r="BF53" s="320">
        <v>46</v>
      </c>
      <c r="BG53" s="321">
        <v>0.44797877271839048</v>
      </c>
      <c r="BH53" s="316">
        <v>0.14077200445384425</v>
      </c>
      <c r="BI53" s="321">
        <v>0.13925502015473903</v>
      </c>
      <c r="BJ53" s="316">
        <v>0.1057741342955703</v>
      </c>
      <c r="BK53" s="321">
        <v>0.41276620712687107</v>
      </c>
      <c r="BL53" s="316">
        <v>0.13958771310353971</v>
      </c>
      <c r="BM53" s="320">
        <v>48</v>
      </c>
      <c r="BN53" s="321">
        <v>0.70224551296705184</v>
      </c>
      <c r="BO53" s="316">
        <v>0.12864606446919355</v>
      </c>
      <c r="BP53" s="321">
        <v>0.1332898111669939</v>
      </c>
      <c r="BQ53" s="316">
        <v>0.10206204389506704</v>
      </c>
      <c r="BR53" s="321">
        <v>0.1644646758659547</v>
      </c>
      <c r="BS53" s="316">
        <v>0.10886494006694916</v>
      </c>
      <c r="BT53" s="320">
        <v>34</v>
      </c>
      <c r="BU53" s="321">
        <v>0.62770432726547076</v>
      </c>
      <c r="BV53" s="316">
        <v>0.15792878098958771</v>
      </c>
      <c r="BW53" s="321">
        <v>0.20661260637242659</v>
      </c>
      <c r="BX53" s="316">
        <v>0.1380661100928213</v>
      </c>
      <c r="BY53" s="321">
        <v>0.16568306636210284</v>
      </c>
      <c r="BZ53" s="316">
        <v>0.12998940405433598</v>
      </c>
    </row>
    <row r="54" spans="1:78">
      <c r="A54" s="44" t="s">
        <v>547</v>
      </c>
      <c r="B54" s="210">
        <v>74</v>
      </c>
      <c r="C54" s="214">
        <v>0.37582031778143538</v>
      </c>
      <c r="D54" s="92">
        <v>0.11003972523382861</v>
      </c>
      <c r="E54" s="214">
        <v>0.18777407419048331</v>
      </c>
      <c r="F54" s="92">
        <v>9.1218830954860941E-2</v>
      </c>
      <c r="G54" s="214">
        <v>0.43640560802808204</v>
      </c>
      <c r="H54" s="92">
        <v>0.11240036319058461</v>
      </c>
      <c r="I54" s="210">
        <v>68</v>
      </c>
      <c r="J54" s="214">
        <v>0.12044406488359435</v>
      </c>
      <c r="K54" s="92">
        <v>8.2158255713211753E-2</v>
      </c>
      <c r="L54" s="214">
        <v>0.34461868257107581</v>
      </c>
      <c r="M54" s="92">
        <v>0.11266092799420722</v>
      </c>
      <c r="N54" s="214">
        <v>0.53493725254533042</v>
      </c>
      <c r="O54" s="92">
        <v>0.11759422807490906</v>
      </c>
      <c r="P54" s="210">
        <v>66</v>
      </c>
      <c r="Q54" s="214">
        <v>0.18492256239068999</v>
      </c>
      <c r="R54" s="92">
        <v>9.6139073425039523E-2</v>
      </c>
      <c r="S54" s="214">
        <v>0.28626059849902441</v>
      </c>
      <c r="T54" s="92">
        <v>0.10938461203036375</v>
      </c>
      <c r="U54" s="214">
        <v>0.52881683911028654</v>
      </c>
      <c r="V54" s="92">
        <v>0.11934626267769866</v>
      </c>
      <c r="W54" s="210">
        <v>72</v>
      </c>
      <c r="X54" s="214">
        <v>0.68024591347328467</v>
      </c>
      <c r="Y54" s="92">
        <v>0.10781105941015069</v>
      </c>
      <c r="Z54" s="214">
        <v>8.2502358897100406E-2</v>
      </c>
      <c r="AA54" s="92">
        <v>7.0172982247865306E-2</v>
      </c>
      <c r="AB54" s="214">
        <v>0.23725172762961544</v>
      </c>
      <c r="AC54" s="92">
        <v>9.9482641800664823E-2</v>
      </c>
      <c r="AD54" s="210">
        <v>70</v>
      </c>
      <c r="AE54" s="214">
        <v>0.27067723074453781</v>
      </c>
      <c r="AF54" s="92">
        <v>0.10473717453945783</v>
      </c>
      <c r="AG54" s="214">
        <v>0.22752566762257015</v>
      </c>
      <c r="AH54" s="92">
        <v>9.9611951034378934E-2</v>
      </c>
      <c r="AI54" s="214">
        <v>0.50179710163289282</v>
      </c>
      <c r="AJ54" s="92">
        <v>0.11624696686135097</v>
      </c>
      <c r="AK54" s="210">
        <v>60</v>
      </c>
      <c r="AL54" s="214">
        <v>0.24140421043273574</v>
      </c>
      <c r="AM54" s="92">
        <v>0.10932348001341405</v>
      </c>
      <c r="AN54" s="214">
        <v>0.2496601346612288</v>
      </c>
      <c r="AO54" s="92">
        <v>0.11037405236532626</v>
      </c>
      <c r="AP54" s="214">
        <v>0.50893565490603632</v>
      </c>
      <c r="AQ54" s="92">
        <v>0.12498245449720048</v>
      </c>
      <c r="AR54" s="210">
        <v>70</v>
      </c>
      <c r="AS54" s="214">
        <v>0.54679424039942526</v>
      </c>
      <c r="AT54" s="92">
        <v>0.11579119733460497</v>
      </c>
      <c r="AU54" s="214">
        <v>0.25801702748802963</v>
      </c>
      <c r="AV54" s="92">
        <v>0.10335023182383134</v>
      </c>
      <c r="AW54" s="214">
        <v>0.19518873211254578</v>
      </c>
      <c r="AX54" s="92">
        <v>9.4971670740368025E-2</v>
      </c>
      <c r="AY54" s="210">
        <v>68</v>
      </c>
      <c r="AZ54" s="214">
        <v>0.24502014657437005</v>
      </c>
      <c r="BA54" s="92">
        <v>0.10328183394625479</v>
      </c>
      <c r="BB54" s="214">
        <v>0.17393536529787643</v>
      </c>
      <c r="BC54" s="92">
        <v>9.2846001201615985E-2</v>
      </c>
      <c r="BD54" s="214">
        <v>0.58104448812775444</v>
      </c>
      <c r="BE54" s="92">
        <v>0.11646203952364997</v>
      </c>
      <c r="BF54" s="210">
        <v>74</v>
      </c>
      <c r="BG54" s="214">
        <v>0.28023586409933349</v>
      </c>
      <c r="BH54" s="92">
        <v>0.10291399865337407</v>
      </c>
      <c r="BI54" s="214">
        <v>0.24323058670668338</v>
      </c>
      <c r="BJ54" s="92">
        <v>9.8880447595165871E-2</v>
      </c>
      <c r="BK54" s="214">
        <v>0.47653354919398383</v>
      </c>
      <c r="BL54" s="92">
        <v>0.11311540667086767</v>
      </c>
      <c r="BM54" s="210">
        <v>72</v>
      </c>
      <c r="BN54" s="214">
        <v>0.34382236161883772</v>
      </c>
      <c r="BO54" s="92">
        <v>0.10957057337952725</v>
      </c>
      <c r="BP54" s="214">
        <v>0.24225504775334677</v>
      </c>
      <c r="BQ54" s="92">
        <v>0.10009900539089046</v>
      </c>
      <c r="BR54" s="214">
        <v>0.41392259062781633</v>
      </c>
      <c r="BS54" s="92">
        <v>0.1131719891943984</v>
      </c>
      <c r="BT54" s="210">
        <v>57</v>
      </c>
      <c r="BU54" s="214">
        <v>0.34168096664713338</v>
      </c>
      <c r="BV54" s="92">
        <v>0.12230424538545583</v>
      </c>
      <c r="BW54" s="214">
        <v>0.27069906393491822</v>
      </c>
      <c r="BX54" s="92">
        <v>0.11568487200844516</v>
      </c>
      <c r="BY54" s="214">
        <v>0.38761996941794918</v>
      </c>
      <c r="BZ54" s="92">
        <v>0.12518123825014862</v>
      </c>
    </row>
    <row r="55" spans="1:78">
      <c r="A55" s="40" t="s">
        <v>551</v>
      </c>
      <c r="B55" s="320">
        <v>148</v>
      </c>
      <c r="C55" s="321">
        <v>0.23106909812787435</v>
      </c>
      <c r="D55" s="316">
        <v>6.9098061826514456E-2</v>
      </c>
      <c r="E55" s="321">
        <v>9.9264165995649328E-2</v>
      </c>
      <c r="F55" s="316">
        <v>5.0718947875038327E-2</v>
      </c>
      <c r="G55" s="321">
        <v>0.66966673587647696</v>
      </c>
      <c r="H55" s="316">
        <v>7.6555511005585136E-2</v>
      </c>
      <c r="I55" s="320">
        <v>145</v>
      </c>
      <c r="J55" s="321">
        <v>0.1862470599669929</v>
      </c>
      <c r="K55" s="316">
        <v>6.4874388750252962E-2</v>
      </c>
      <c r="L55" s="321">
        <v>0.13817199605535746</v>
      </c>
      <c r="M55" s="316">
        <v>5.8163245976639001E-2</v>
      </c>
      <c r="N55" s="321">
        <v>0.67558094397765001</v>
      </c>
      <c r="O55" s="316">
        <v>7.6991125566106974E-2</v>
      </c>
      <c r="P55" s="320">
        <v>134</v>
      </c>
      <c r="Q55" s="321">
        <v>0.17804099384960329</v>
      </c>
      <c r="R55" s="316">
        <v>6.6433893426104049E-2</v>
      </c>
      <c r="S55" s="321">
        <v>0.14634118973318525</v>
      </c>
      <c r="T55" s="316">
        <v>6.1872018942505387E-2</v>
      </c>
      <c r="U55" s="321">
        <v>0.6756178164172123</v>
      </c>
      <c r="V55" s="316">
        <v>8.0021806905896345E-2</v>
      </c>
      <c r="W55" s="320">
        <v>129</v>
      </c>
      <c r="X55" s="321">
        <v>0.17664759309372602</v>
      </c>
      <c r="Y55" s="316">
        <v>6.7531730695779849E-2</v>
      </c>
      <c r="Z55" s="321">
        <v>7.0942417634695415E-2</v>
      </c>
      <c r="AA55" s="316">
        <v>4.8065176749401514E-2</v>
      </c>
      <c r="AB55" s="321">
        <v>0.75240998927157887</v>
      </c>
      <c r="AC55" s="316">
        <v>7.5605584897154104E-2</v>
      </c>
      <c r="AD55" s="320">
        <v>154</v>
      </c>
      <c r="AE55" s="321">
        <v>0.41139970441759305</v>
      </c>
      <c r="AF55" s="316">
        <v>7.8360159302070714E-2</v>
      </c>
      <c r="AG55" s="321">
        <v>9.1204544005966795E-2</v>
      </c>
      <c r="AH55" s="316">
        <v>4.8061306461741816E-2</v>
      </c>
      <c r="AI55" s="321">
        <v>0.49739575157644056</v>
      </c>
      <c r="AJ55" s="316">
        <v>7.9554703246512426E-2</v>
      </c>
      <c r="AK55" s="320">
        <v>124</v>
      </c>
      <c r="AL55" s="321">
        <v>0.48683228906839965</v>
      </c>
      <c r="AM55" s="316">
        <v>8.8359577659308672E-2</v>
      </c>
      <c r="AN55" s="321">
        <v>9.3638651842405676E-2</v>
      </c>
      <c r="AO55" s="316">
        <v>5.4494779561257624E-2</v>
      </c>
      <c r="AP55" s="321">
        <v>0.41952905908919469</v>
      </c>
      <c r="AQ55" s="316">
        <v>8.7307435812069609E-2</v>
      </c>
      <c r="AR55" s="320">
        <v>155</v>
      </c>
      <c r="AS55" s="321">
        <v>0.54844640955709989</v>
      </c>
      <c r="AT55" s="316">
        <v>7.8950593702823077E-2</v>
      </c>
      <c r="AU55" s="321">
        <v>9.5589744727804196E-2</v>
      </c>
      <c r="AV55" s="316">
        <v>4.8778191631752905E-2</v>
      </c>
      <c r="AW55" s="321">
        <v>0.35596384571509587</v>
      </c>
      <c r="AX55" s="316">
        <v>7.6113834121878846E-2</v>
      </c>
      <c r="AY55" s="320">
        <v>132</v>
      </c>
      <c r="AZ55" s="321">
        <v>0.12894934460942728</v>
      </c>
      <c r="BA55" s="316">
        <v>5.9483327503552508E-2</v>
      </c>
      <c r="BB55" s="321">
        <v>0.11692874912375625</v>
      </c>
      <c r="BC55" s="316">
        <v>5.7333249623510871E-2</v>
      </c>
      <c r="BD55" s="321">
        <v>0.75412190626681708</v>
      </c>
      <c r="BE55" s="316">
        <v>7.459003561161362E-2</v>
      </c>
      <c r="BF55" s="320">
        <v>155</v>
      </c>
      <c r="BG55" s="321">
        <v>0.37987254884817034</v>
      </c>
      <c r="BH55" s="316">
        <v>7.7099352826493175E-2</v>
      </c>
      <c r="BI55" s="321">
        <v>0.1078786540729457</v>
      </c>
      <c r="BJ55" s="316">
        <v>5.1120734493047715E-2</v>
      </c>
      <c r="BK55" s="321">
        <v>0.51224879707888404</v>
      </c>
      <c r="BL55" s="316">
        <v>7.9282540822010916E-2</v>
      </c>
      <c r="BM55" s="320">
        <v>158</v>
      </c>
      <c r="BN55" s="321">
        <v>0.34792186947586612</v>
      </c>
      <c r="BO55" s="316">
        <v>7.5030899572201271E-2</v>
      </c>
      <c r="BP55" s="321">
        <v>0.12913017937768653</v>
      </c>
      <c r="BQ55" s="316">
        <v>5.4243173914389202E-2</v>
      </c>
      <c r="BR55" s="321">
        <v>0.52294795114644732</v>
      </c>
      <c r="BS55" s="316">
        <v>7.8488668025444255E-2</v>
      </c>
      <c r="BT55" s="320">
        <v>107</v>
      </c>
      <c r="BU55" s="321">
        <v>0.35161657724662487</v>
      </c>
      <c r="BV55" s="316">
        <v>9.0949074906769858E-2</v>
      </c>
      <c r="BW55" s="321">
        <v>0.10454113771403352</v>
      </c>
      <c r="BX55" s="316">
        <v>6.1418778192687699E-2</v>
      </c>
      <c r="BY55" s="321">
        <v>0.54384228503934118</v>
      </c>
      <c r="BZ55" s="316">
        <v>9.4576131875290528E-2</v>
      </c>
    </row>
    <row r="56" spans="1:78">
      <c r="A56" s="44" t="s">
        <v>552</v>
      </c>
      <c r="B56" s="210">
        <v>51</v>
      </c>
      <c r="C56" s="214">
        <v>0.15630409830628214</v>
      </c>
      <c r="D56" s="92">
        <v>0.10389869697656612</v>
      </c>
      <c r="E56" s="214">
        <v>4.0449664593684868E-2</v>
      </c>
      <c r="F56" s="92">
        <v>7.053793697388705E-2</v>
      </c>
      <c r="G56" s="214">
        <v>0.80324623710003296</v>
      </c>
      <c r="H56" s="92">
        <v>0.11149596931795626</v>
      </c>
      <c r="I56" s="210">
        <v>51</v>
      </c>
      <c r="J56" s="214">
        <v>0.11748855823232179</v>
      </c>
      <c r="K56" s="92">
        <v>9.5038090601606576E-2</v>
      </c>
      <c r="L56" s="214">
        <v>9.7520077233865604E-2</v>
      </c>
      <c r="M56" s="92">
        <v>8.9733058403462101E-2</v>
      </c>
      <c r="N56" s="214">
        <v>0.78499136453381235</v>
      </c>
      <c r="O56" s="92">
        <v>0.11446767160847454</v>
      </c>
      <c r="P56" s="210">
        <v>49</v>
      </c>
      <c r="Q56" s="214">
        <v>9.6225299106187878E-2</v>
      </c>
      <c r="R56" s="92">
        <v>9.1381951873240275E-2</v>
      </c>
      <c r="S56" s="214">
        <v>0.16789383494275328</v>
      </c>
      <c r="T56" s="92">
        <v>0.10841064046301589</v>
      </c>
      <c r="U56" s="214">
        <v>0.73588086595105862</v>
      </c>
      <c r="V56" s="92">
        <v>0.12360672630591552</v>
      </c>
      <c r="W56" s="210">
        <v>46</v>
      </c>
      <c r="X56" s="214">
        <v>0.20020965533089632</v>
      </c>
      <c r="Y56" s="92">
        <v>0.11795946224340888</v>
      </c>
      <c r="Z56" s="214">
        <v>5.9730713205734955E-2</v>
      </c>
      <c r="AA56" s="92">
        <v>8.2915053012797821E-2</v>
      </c>
      <c r="AB56" s="214">
        <v>0.74005963146336851</v>
      </c>
      <c r="AC56" s="92">
        <v>0.12687730463605884</v>
      </c>
      <c r="AD56" s="210">
        <v>56</v>
      </c>
      <c r="AE56" s="214">
        <v>0.34428673488410266</v>
      </c>
      <c r="AF56" s="92">
        <v>0.12352557065868794</v>
      </c>
      <c r="AG56" s="214">
        <v>6.9607582893181891E-2</v>
      </c>
      <c r="AH56" s="92">
        <v>7.6871078200866E-2</v>
      </c>
      <c r="AI56" s="214">
        <v>0.5861056822227152</v>
      </c>
      <c r="AJ56" s="92">
        <v>0.12742093444123467</v>
      </c>
      <c r="AK56" s="210">
        <v>45</v>
      </c>
      <c r="AL56" s="214">
        <v>0.42065713104383301</v>
      </c>
      <c r="AM56" s="92">
        <v>0.14133201916580884</v>
      </c>
      <c r="AN56" s="214">
        <v>0.16223393329634661</v>
      </c>
      <c r="AO56" s="92">
        <v>0.11204230256317096</v>
      </c>
      <c r="AP56" s="214">
        <v>0.41710893565982082</v>
      </c>
      <c r="AQ56" s="92">
        <v>0.14119174069410775</v>
      </c>
      <c r="AR56" s="210">
        <v>56</v>
      </c>
      <c r="AS56" s="214">
        <v>0.52611245603618007</v>
      </c>
      <c r="AT56" s="92">
        <v>0.12894598969180016</v>
      </c>
      <c r="AU56" s="214">
        <v>7.0510625120466089E-2</v>
      </c>
      <c r="AV56" s="92">
        <v>7.7163836983213052E-2</v>
      </c>
      <c r="AW56" s="214">
        <v>0.40337691884335347</v>
      </c>
      <c r="AX56" s="92">
        <v>0.12698222694745795</v>
      </c>
      <c r="AY56" s="210">
        <v>49</v>
      </c>
      <c r="AZ56" s="214">
        <v>0.12341515486973767</v>
      </c>
      <c r="BA56" s="92">
        <v>9.858710679143913E-2</v>
      </c>
      <c r="BB56" s="214">
        <v>0.13016423134028657</v>
      </c>
      <c r="BC56" s="92">
        <v>0.1002217269059171</v>
      </c>
      <c r="BD56" s="214">
        <v>0.74642061378997593</v>
      </c>
      <c r="BE56" s="92">
        <v>0.12227304965216627</v>
      </c>
      <c r="BF56" s="210">
        <v>53</v>
      </c>
      <c r="BG56" s="214">
        <v>0.32473391923886091</v>
      </c>
      <c r="BH56" s="92">
        <v>0.12522032583068157</v>
      </c>
      <c r="BI56" s="214">
        <v>0.10304695663497282</v>
      </c>
      <c r="BJ56" s="92">
        <v>8.9351517070925549E-2</v>
      </c>
      <c r="BK56" s="214">
        <v>0.57221912412616616</v>
      </c>
      <c r="BL56" s="92">
        <v>0.13125326467410353</v>
      </c>
      <c r="BM56" s="210">
        <v>56</v>
      </c>
      <c r="BN56" s="214">
        <v>0.28875347192082179</v>
      </c>
      <c r="BO56" s="92">
        <v>0.11863855004908115</v>
      </c>
      <c r="BP56" s="214">
        <v>0.14240295501469796</v>
      </c>
      <c r="BQ56" s="92">
        <v>9.6127035191878762E-2</v>
      </c>
      <c r="BR56" s="214">
        <v>0.56884357306448019</v>
      </c>
      <c r="BS56" s="92">
        <v>0.12802901319304877</v>
      </c>
      <c r="BT56" s="210">
        <v>37</v>
      </c>
      <c r="BU56" s="214">
        <v>0.32470991952459832</v>
      </c>
      <c r="BV56" s="92">
        <v>0.14815165727326757</v>
      </c>
      <c r="BW56" s="214">
        <v>6.6296750205694199E-2</v>
      </c>
      <c r="BX56" s="92">
        <v>9.7186414038909055E-2</v>
      </c>
      <c r="BY56" s="214">
        <v>0.60899333026970792</v>
      </c>
      <c r="BZ56" s="92">
        <v>0.15312209154815731</v>
      </c>
    </row>
    <row r="57" spans="1:78">
      <c r="A57" s="40" t="s">
        <v>553</v>
      </c>
      <c r="B57" s="320">
        <v>43</v>
      </c>
      <c r="C57" s="321">
        <v>0.32133618163981409</v>
      </c>
      <c r="D57" s="316">
        <v>0.13785016710752077</v>
      </c>
      <c r="E57" s="321">
        <v>8.6043116644274956E-2</v>
      </c>
      <c r="F57" s="316">
        <v>9.5233746205903386E-2</v>
      </c>
      <c r="G57" s="321">
        <v>0.59262070171591097</v>
      </c>
      <c r="H57" s="316">
        <v>0.14375494997756372</v>
      </c>
      <c r="I57" s="320">
        <v>37</v>
      </c>
      <c r="J57" s="321">
        <v>0.199149826735283</v>
      </c>
      <c r="K57" s="316">
        <v>0.13114442877617674</v>
      </c>
      <c r="L57" s="321">
        <v>0.13588035707897311</v>
      </c>
      <c r="M57" s="316">
        <v>0.11771185009559962</v>
      </c>
      <c r="N57" s="321">
        <v>0.66496981618574391</v>
      </c>
      <c r="O57" s="316">
        <v>0.14909030651225075</v>
      </c>
      <c r="P57" s="320">
        <v>32</v>
      </c>
      <c r="Q57" s="321">
        <v>0.23962462395022527</v>
      </c>
      <c r="R57" s="316">
        <v>0.14773599366116177</v>
      </c>
      <c r="S57" s="321">
        <v>0.13849083313528956</v>
      </c>
      <c r="T57" s="316">
        <v>0.12768870661197423</v>
      </c>
      <c r="U57" s="321">
        <v>0.62188454291448547</v>
      </c>
      <c r="V57" s="316">
        <v>0.16270697960932132</v>
      </c>
      <c r="W57" s="320">
        <v>32</v>
      </c>
      <c r="X57" s="321">
        <v>0.19258936848564168</v>
      </c>
      <c r="Y57" s="316">
        <v>0.13957567005531968</v>
      </c>
      <c r="Z57" s="321">
        <v>0.12241055777350425</v>
      </c>
      <c r="AA57" s="316">
        <v>0.12353546798928824</v>
      </c>
      <c r="AB57" s="321">
        <v>0.6850000737408547</v>
      </c>
      <c r="AC57" s="316">
        <v>0.15739476312533876</v>
      </c>
      <c r="AD57" s="320">
        <v>38</v>
      </c>
      <c r="AE57" s="321">
        <v>0.52848392238489228</v>
      </c>
      <c r="AF57" s="316">
        <v>0.15409825156033866</v>
      </c>
      <c r="AG57" s="321">
        <v>9.7072065802477459E-2</v>
      </c>
      <c r="AH57" s="316">
        <v>0.10560505666586104</v>
      </c>
      <c r="AI57" s="321">
        <v>0.37444401181263076</v>
      </c>
      <c r="AJ57" s="316">
        <v>0.15026815139893707</v>
      </c>
      <c r="AK57" s="320">
        <v>31</v>
      </c>
      <c r="AL57" s="321">
        <v>0.64313312312848447</v>
      </c>
      <c r="AM57" s="316">
        <v>0.16350730388657722</v>
      </c>
      <c r="AN57" s="321">
        <v>2.3338919888564118E-2</v>
      </c>
      <c r="AO57" s="316">
        <v>9.0559770231928044E-2</v>
      </c>
      <c r="AP57" s="321">
        <v>0.33352795698295173</v>
      </c>
      <c r="AQ57" s="316">
        <v>0.16151407916949778</v>
      </c>
      <c r="AR57" s="320">
        <v>40</v>
      </c>
      <c r="AS57" s="321">
        <v>0.57640623826511794</v>
      </c>
      <c r="AT57" s="316">
        <v>0.14929387684856965</v>
      </c>
      <c r="AU57" s="321">
        <v>0.116686686456831</v>
      </c>
      <c r="AV57" s="316">
        <v>0.10811231313306052</v>
      </c>
      <c r="AW57" s="321">
        <v>0.30690707527805094</v>
      </c>
      <c r="AX57" s="316">
        <v>0.14115950088421811</v>
      </c>
      <c r="AY57" s="320">
        <v>35</v>
      </c>
      <c r="AZ57" s="321">
        <v>0.15682585038406965</v>
      </c>
      <c r="BA57" s="316">
        <v>0.12614614645348768</v>
      </c>
      <c r="BB57" s="321">
        <v>2.1451694316171842E-2</v>
      </c>
      <c r="BC57" s="316">
        <v>8.1999741755820546E-2</v>
      </c>
      <c r="BD57" s="321">
        <v>0.82172245529975863</v>
      </c>
      <c r="BE57" s="316">
        <v>0.13073273282444767</v>
      </c>
      <c r="BF57" s="320">
        <v>45</v>
      </c>
      <c r="BG57" s="321">
        <v>0.48651469241954487</v>
      </c>
      <c r="BH57" s="316">
        <v>0.14281331470491018</v>
      </c>
      <c r="BI57" s="321">
        <v>0.10406240806570106</v>
      </c>
      <c r="BJ57" s="316">
        <v>9.8055915409828887E-2</v>
      </c>
      <c r="BK57" s="321">
        <v>0.40942289951475436</v>
      </c>
      <c r="BL57" s="316">
        <v>0.14086629351580687</v>
      </c>
      <c r="BM57" s="320">
        <v>41</v>
      </c>
      <c r="BN57" s="321">
        <v>0.44983205130584791</v>
      </c>
      <c r="BO57" s="316">
        <v>0.14844699050214619</v>
      </c>
      <c r="BP57" s="321">
        <v>9.3933685493708646E-2</v>
      </c>
      <c r="BQ57" s="316">
        <v>0.10027564953267398</v>
      </c>
      <c r="BR57" s="321">
        <v>0.45623426320044352</v>
      </c>
      <c r="BS57" s="316">
        <v>0.14859638056317256</v>
      </c>
      <c r="BT57" s="320">
        <v>29</v>
      </c>
      <c r="BU57" s="321">
        <v>0.47529457203323366</v>
      </c>
      <c r="BV57" s="316">
        <v>0.17391347198344684</v>
      </c>
      <c r="BW57" s="321">
        <v>5.9187315231269924E-2</v>
      </c>
      <c r="BX57" s="316">
        <v>0.11006118494183073</v>
      </c>
      <c r="BY57" s="321">
        <v>0.46551811273549681</v>
      </c>
      <c r="BZ57" s="316">
        <v>0.17375767618088156</v>
      </c>
    </row>
    <row r="58" spans="1:78">
      <c r="A58" s="44" t="s">
        <v>554</v>
      </c>
      <c r="B58" s="210">
        <v>54</v>
      </c>
      <c r="C58" s="214">
        <v>0.21555500307169065</v>
      </c>
      <c r="D58" s="92">
        <v>0.11137574710883023</v>
      </c>
      <c r="E58" s="214">
        <v>0.17222769146700392</v>
      </c>
      <c r="F58" s="92">
        <v>0.10401356202802552</v>
      </c>
      <c r="G58" s="214">
        <v>0.61221730546130582</v>
      </c>
      <c r="H58" s="92">
        <v>0.1284078388696604</v>
      </c>
      <c r="I58" s="210">
        <v>57</v>
      </c>
      <c r="J58" s="214">
        <v>0.24330664812911823</v>
      </c>
      <c r="K58" s="92">
        <v>0.11234218810594017</v>
      </c>
      <c r="L58" s="214">
        <v>0.18018852439945035</v>
      </c>
      <c r="M58" s="92">
        <v>0.10265157242724499</v>
      </c>
      <c r="N58" s="214">
        <v>0.57650482747143206</v>
      </c>
      <c r="O58" s="92">
        <v>0.12672144462770557</v>
      </c>
      <c r="P58" s="210">
        <v>53</v>
      </c>
      <c r="Q58" s="214">
        <v>0.21270614726518355</v>
      </c>
      <c r="R58" s="92">
        <v>0.11196491433382019</v>
      </c>
      <c r="S58" s="214">
        <v>0.13041960284616227</v>
      </c>
      <c r="T58" s="92">
        <v>9.6211813701139487E-2</v>
      </c>
      <c r="U58" s="214">
        <v>0.65687424988865473</v>
      </c>
      <c r="V58" s="92">
        <v>0.126691571046643</v>
      </c>
      <c r="W58" s="210">
        <v>51</v>
      </c>
      <c r="X58" s="214">
        <v>0.14097301993462547</v>
      </c>
      <c r="Y58" s="92">
        <v>0.10060435037399927</v>
      </c>
      <c r="Z58" s="214">
        <v>4.2641333551722352E-2</v>
      </c>
      <c r="AA58" s="92">
        <v>7.1423142618491461E-2</v>
      </c>
      <c r="AB58" s="214">
        <v>0.81638564651365253</v>
      </c>
      <c r="AC58" s="92">
        <v>0.10918896079372477</v>
      </c>
      <c r="AD58" s="210">
        <v>60</v>
      </c>
      <c r="AE58" s="214">
        <v>0.3871779208543466</v>
      </c>
      <c r="AF58" s="92">
        <v>0.12217112977063774</v>
      </c>
      <c r="AG58" s="214">
        <v>0.10947609076304117</v>
      </c>
      <c r="AH58" s="92">
        <v>8.5131866019667823E-2</v>
      </c>
      <c r="AI58" s="214">
        <v>0.50334598838261235</v>
      </c>
      <c r="AJ58" s="92">
        <v>0.12499753999668442</v>
      </c>
      <c r="AK58" s="210">
        <v>48</v>
      </c>
      <c r="AL58" s="214">
        <v>0.42432889670487567</v>
      </c>
      <c r="AM58" s="92">
        <v>0.13731517443383434</v>
      </c>
      <c r="AN58" s="214">
        <v>7.8774271607148713E-2</v>
      </c>
      <c r="AO58" s="92">
        <v>8.7185078112556796E-2</v>
      </c>
      <c r="AP58" s="214">
        <v>0.49689683168797621</v>
      </c>
      <c r="AQ58" s="92">
        <v>0.13867277333886352</v>
      </c>
      <c r="AR58" s="210">
        <v>59</v>
      </c>
      <c r="AS58" s="214">
        <v>0.54783308344570014</v>
      </c>
      <c r="AT58" s="92">
        <v>0.12548150127490054</v>
      </c>
      <c r="AU58" s="214">
        <v>0.10389613271538022</v>
      </c>
      <c r="AV58" s="92">
        <v>8.4475157125815742E-2</v>
      </c>
      <c r="AW58" s="214">
        <v>0.34827078383892002</v>
      </c>
      <c r="AX58" s="92">
        <v>0.1207933657800402</v>
      </c>
      <c r="AY58" s="210">
        <v>48</v>
      </c>
      <c r="AZ58" s="214">
        <v>0.11022952830485271</v>
      </c>
      <c r="BA58" s="92">
        <v>9.6297816555144009E-2</v>
      </c>
      <c r="BB58" s="214">
        <v>0.18767655541561662</v>
      </c>
      <c r="BC58" s="92">
        <v>0.11330148273247936</v>
      </c>
      <c r="BD58" s="214">
        <v>0.70209391627953111</v>
      </c>
      <c r="BE58" s="92">
        <v>0.12866167851270846</v>
      </c>
      <c r="BF58" s="210">
        <v>57</v>
      </c>
      <c r="BG58" s="214">
        <v>0.33259240846939808</v>
      </c>
      <c r="BH58" s="92">
        <v>0.12160932911896241</v>
      </c>
      <c r="BI58" s="214">
        <v>0.11660240886777289</v>
      </c>
      <c r="BJ58" s="92">
        <v>8.9315095188388122E-2</v>
      </c>
      <c r="BK58" s="214">
        <v>0.55080518266282941</v>
      </c>
      <c r="BL58" s="92">
        <v>0.12745844665382136</v>
      </c>
      <c r="BM58" s="210">
        <v>61</v>
      </c>
      <c r="BN58" s="214">
        <v>0.32360739394173554</v>
      </c>
      <c r="BO58" s="92">
        <v>0.11703971125522668</v>
      </c>
      <c r="BP58" s="214">
        <v>0.14484066465726544</v>
      </c>
      <c r="BQ58" s="92">
        <v>9.2456679047789078E-2</v>
      </c>
      <c r="BR58" s="214">
        <v>0.53155194140099915</v>
      </c>
      <c r="BS58" s="92">
        <v>0.12381704396479071</v>
      </c>
      <c r="BT58" s="210">
        <v>41</v>
      </c>
      <c r="BU58" s="214">
        <v>0.2687950496929688</v>
      </c>
      <c r="BV58" s="92">
        <v>0.13519537974311349</v>
      </c>
      <c r="BW58" s="214">
        <v>0.1818553582911808</v>
      </c>
      <c r="BX58" s="92">
        <v>0.12146447614784886</v>
      </c>
      <c r="BY58" s="214">
        <v>0.54934959201585098</v>
      </c>
      <c r="BZ58" s="92">
        <v>0.14846723007911602</v>
      </c>
    </row>
  </sheetData>
  <mergeCells count="16">
    <mergeCell ref="BT34:BZ34"/>
    <mergeCell ref="AK34:AQ34"/>
    <mergeCell ref="AR34:AX34"/>
    <mergeCell ref="AY34:BE34"/>
    <mergeCell ref="BF34:BL34"/>
    <mergeCell ref="BM34:BS34"/>
    <mergeCell ref="B34:H34"/>
    <mergeCell ref="I34:O34"/>
    <mergeCell ref="P34:V34"/>
    <mergeCell ref="W34:AC34"/>
    <mergeCell ref="AD34:AJ34"/>
    <mergeCell ref="A3:D3"/>
    <mergeCell ref="A4:D4"/>
    <mergeCell ref="A5:D5"/>
    <mergeCell ref="A32:BZ32"/>
    <mergeCell ref="A33:BZ33"/>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293" customWidth="1"/>
    <col min="2" max="9" width="8.85546875" style="20"/>
    <col min="10" max="10" width="19.42578125" style="20" customWidth="1"/>
    <col min="11" max="12" width="8.85546875" style="20"/>
    <col min="13" max="13" width="9.140625" style="20" customWidth="1"/>
    <col min="14" max="16384" width="8.85546875" style="20"/>
  </cols>
  <sheetData>
    <row r="1" spans="1:14" s="9" customFormat="1" ht="23.25">
      <c r="A1" s="295" t="s">
        <v>359</v>
      </c>
      <c r="F1" s="326"/>
      <c r="G1" s="326"/>
      <c r="H1" s="326"/>
      <c r="I1" s="326"/>
      <c r="J1" s="326"/>
      <c r="K1" s="326"/>
      <c r="L1" s="326"/>
      <c r="M1" s="326"/>
      <c r="N1" s="326"/>
    </row>
    <row r="2" spans="1:14" ht="21">
      <c r="A2" s="296"/>
      <c r="B2" s="12"/>
      <c r="C2" s="12"/>
      <c r="D2" s="12"/>
      <c r="E2" s="12"/>
      <c r="F2" s="327"/>
      <c r="G2" s="327"/>
      <c r="H2" s="327"/>
      <c r="I2" s="327"/>
      <c r="J2" s="327"/>
      <c r="K2" s="327"/>
      <c r="L2" s="327"/>
      <c r="M2" s="327"/>
      <c r="N2" s="327"/>
    </row>
    <row r="3" spans="1:14" s="11" customFormat="1" ht="21">
      <c r="A3" s="297" t="s">
        <v>151</v>
      </c>
      <c r="B3" s="10"/>
      <c r="C3" s="10"/>
      <c r="D3" s="10"/>
      <c r="E3" s="10"/>
      <c r="F3" s="19"/>
      <c r="G3" s="19"/>
      <c r="H3" s="19"/>
      <c r="I3" s="19"/>
      <c r="J3" s="19"/>
      <c r="K3" s="19"/>
      <c r="L3" s="19"/>
      <c r="M3" s="19"/>
      <c r="N3" s="19"/>
    </row>
    <row r="4" spans="1:14" s="11" customFormat="1" ht="31.5">
      <c r="A4" s="296" t="s">
        <v>459</v>
      </c>
      <c r="B4" s="10"/>
      <c r="C4" s="10"/>
      <c r="D4" s="10"/>
      <c r="E4" s="10"/>
      <c r="F4" s="19"/>
      <c r="G4" s="19"/>
      <c r="H4" s="19"/>
      <c r="I4" s="19"/>
      <c r="J4" s="19"/>
      <c r="K4" s="19"/>
      <c r="L4" s="19"/>
      <c r="M4" s="19"/>
      <c r="N4" s="19"/>
    </row>
    <row r="5" spans="1:14" ht="18.75" customHeight="1">
      <c r="A5" s="296"/>
      <c r="B5" s="12"/>
      <c r="C5" s="12"/>
      <c r="D5" s="12"/>
      <c r="E5" s="12"/>
      <c r="F5" s="19"/>
      <c r="G5" s="19"/>
      <c r="H5" s="19"/>
      <c r="I5" s="19"/>
      <c r="J5" s="19"/>
      <c r="K5" s="19"/>
      <c r="L5" s="19"/>
      <c r="M5" s="19"/>
      <c r="N5" s="19"/>
    </row>
    <row r="6" spans="1:14">
      <c r="A6" s="298" t="s">
        <v>152</v>
      </c>
      <c r="B6" s="12"/>
      <c r="C6" s="12"/>
      <c r="D6" s="12"/>
      <c r="E6" s="12"/>
    </row>
    <row r="7" spans="1:14" ht="51" customHeight="1">
      <c r="A7" s="299" t="s">
        <v>222</v>
      </c>
      <c r="B7" s="12"/>
      <c r="C7" s="12"/>
      <c r="D7" s="12"/>
      <c r="E7" s="12"/>
      <c r="F7" s="12"/>
      <c r="G7" s="12"/>
    </row>
    <row r="8" spans="1:14">
      <c r="A8" s="220"/>
      <c r="B8" s="12"/>
      <c r="C8" s="12"/>
      <c r="D8" s="12"/>
      <c r="E8" s="12"/>
      <c r="F8" s="12"/>
      <c r="G8" s="12"/>
    </row>
    <row r="9" spans="1:14">
      <c r="A9" s="297" t="s">
        <v>153</v>
      </c>
      <c r="B9" s="12"/>
      <c r="C9" s="12"/>
      <c r="D9" s="12"/>
      <c r="E9" s="12"/>
      <c r="F9" s="12"/>
      <c r="G9" s="12"/>
    </row>
    <row r="10" spans="1:14" ht="30">
      <c r="A10" s="296" t="s">
        <v>617</v>
      </c>
      <c r="B10" s="12"/>
      <c r="C10" s="12"/>
      <c r="D10" s="12"/>
      <c r="E10" s="12"/>
      <c r="F10" s="12"/>
      <c r="G10" s="12"/>
    </row>
    <row r="11" spans="1:14">
      <c r="A11" s="222"/>
      <c r="B11" s="13"/>
      <c r="C11" s="13"/>
      <c r="D11" s="13"/>
      <c r="E11" s="13"/>
    </row>
    <row r="12" spans="1:14">
      <c r="A12" s="297" t="s">
        <v>154</v>
      </c>
    </row>
    <row r="13" spans="1:14" ht="135">
      <c r="A13" s="296" t="s">
        <v>460</v>
      </c>
    </row>
    <row r="14" spans="1:14">
      <c r="A14" s="220"/>
    </row>
    <row r="15" spans="1:14">
      <c r="A15" s="298" t="s">
        <v>2</v>
      </c>
    </row>
    <row r="16" spans="1:14" ht="45">
      <c r="A16" s="299" t="s">
        <v>155</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69"/>
  <sheetViews>
    <sheetView workbookViewId="0"/>
  </sheetViews>
  <sheetFormatPr defaultColWidth="8.85546875" defaultRowHeight="15"/>
  <cols>
    <col min="1" max="1" width="135.85546875" style="309" customWidth="1"/>
    <col min="2" max="7" width="8.85546875" style="2"/>
    <col min="8" max="8" width="19.42578125" style="2" customWidth="1"/>
    <col min="9" max="10" width="8.85546875" style="2"/>
    <col min="11" max="11" width="9.140625" style="2" customWidth="1"/>
    <col min="12" max="16384" width="8.85546875" style="2"/>
  </cols>
  <sheetData>
    <row r="1" spans="1:14" ht="23.25">
      <c r="A1" s="295" t="s">
        <v>555</v>
      </c>
      <c r="B1" s="8"/>
      <c r="C1" s="8"/>
      <c r="D1" s="8"/>
      <c r="E1" s="8"/>
      <c r="F1" s="8"/>
      <c r="G1" s="8"/>
      <c r="N1" s="7"/>
    </row>
    <row r="2" spans="1:14" ht="75">
      <c r="A2" s="303" t="s">
        <v>556</v>
      </c>
      <c r="B2" s="6"/>
      <c r="C2" s="6"/>
      <c r="D2" s="6"/>
    </row>
    <row r="3" spans="1:14" s="16" customFormat="1">
      <c r="A3" s="296"/>
      <c r="B3" s="12"/>
      <c r="C3" s="12"/>
      <c r="D3" s="12"/>
    </row>
    <row r="4" spans="1:14" s="221" customFormat="1">
      <c r="A4" s="297" t="s">
        <v>350</v>
      </c>
      <c r="B4" s="12"/>
      <c r="C4" s="12"/>
      <c r="D4" s="12"/>
    </row>
    <row r="5" spans="1:14" s="221" customFormat="1" ht="30">
      <c r="A5" s="296" t="s">
        <v>574</v>
      </c>
      <c r="B5" s="12"/>
      <c r="C5" s="12"/>
      <c r="D5" s="12"/>
    </row>
    <row r="6" spans="1:14" s="221" customFormat="1">
      <c r="A6" s="296"/>
      <c r="B6" s="12"/>
      <c r="C6" s="12"/>
      <c r="D6" s="12"/>
    </row>
    <row r="7" spans="1:14" s="17" customFormat="1">
      <c r="A7" s="298" t="s">
        <v>351</v>
      </c>
      <c r="B7" s="12"/>
      <c r="C7" s="12"/>
      <c r="D7" s="12"/>
    </row>
    <row r="8" spans="1:14" s="17" customFormat="1" ht="30">
      <c r="A8" s="301" t="s">
        <v>575</v>
      </c>
      <c r="B8" s="12"/>
      <c r="C8" s="12"/>
      <c r="D8" s="12"/>
    </row>
    <row r="9" spans="1:14" s="221" customFormat="1">
      <c r="A9" s="301"/>
      <c r="B9" s="12"/>
      <c r="C9" s="12"/>
      <c r="D9" s="12"/>
    </row>
    <row r="10" spans="1:14" s="221" customFormat="1">
      <c r="A10" s="302" t="s">
        <v>352</v>
      </c>
      <c r="B10" s="12"/>
      <c r="C10" s="12"/>
      <c r="D10" s="12"/>
    </row>
    <row r="11" spans="1:14" s="221" customFormat="1" ht="30">
      <c r="A11" s="301" t="s">
        <v>614</v>
      </c>
      <c r="B11" s="12"/>
      <c r="C11" s="12"/>
      <c r="D11" s="12"/>
    </row>
    <row r="12" spans="1:14" s="221" customFormat="1">
      <c r="A12" s="305"/>
      <c r="B12" s="12"/>
      <c r="C12" s="12"/>
      <c r="D12" s="12"/>
    </row>
    <row r="13" spans="1:14" s="221" customFormat="1">
      <c r="A13" s="304" t="s">
        <v>534</v>
      </c>
      <c r="B13" s="12"/>
      <c r="C13" s="12"/>
      <c r="D13" s="12"/>
    </row>
    <row r="14" spans="1:14" s="221" customFormat="1" ht="30">
      <c r="A14" s="305" t="s">
        <v>615</v>
      </c>
      <c r="B14" s="12"/>
      <c r="C14" s="12"/>
      <c r="D14" s="12"/>
    </row>
    <row r="15" spans="1:14" s="221" customFormat="1">
      <c r="A15" s="305"/>
      <c r="B15" s="12"/>
      <c r="C15" s="12"/>
      <c r="D15" s="12"/>
    </row>
    <row r="16" spans="1:14" s="221" customFormat="1">
      <c r="A16" s="304" t="s">
        <v>535</v>
      </c>
      <c r="B16" s="12"/>
      <c r="C16" s="12"/>
      <c r="D16" s="12"/>
    </row>
    <row r="17" spans="1:4" s="221" customFormat="1" ht="45">
      <c r="A17" s="305" t="s">
        <v>616</v>
      </c>
      <c r="B17" s="12"/>
      <c r="C17" s="12"/>
      <c r="D17" s="12"/>
    </row>
    <row r="18" spans="1:4" s="17" customFormat="1">
      <c r="A18" s="296"/>
      <c r="B18" s="12"/>
      <c r="C18" s="12"/>
      <c r="D18" s="12"/>
    </row>
    <row r="19" spans="1:4">
      <c r="A19" s="306" t="s">
        <v>536</v>
      </c>
    </row>
    <row r="20" spans="1:4" ht="45">
      <c r="A20" s="305" t="s">
        <v>561</v>
      </c>
    </row>
    <row r="21" spans="1:4" s="16" customFormat="1">
      <c r="A21" s="307"/>
    </row>
    <row r="22" spans="1:4">
      <c r="A22" s="308" t="s">
        <v>537</v>
      </c>
    </row>
    <row r="23" spans="1:4" ht="30">
      <c r="A23" s="303" t="s">
        <v>557</v>
      </c>
    </row>
    <row r="24" spans="1:4">
      <c r="A24" s="299"/>
    </row>
    <row r="25" spans="1:4" s="221" customFormat="1">
      <c r="A25" s="308" t="s">
        <v>538</v>
      </c>
    </row>
    <row r="26" spans="1:4" s="221" customFormat="1">
      <c r="A26" s="303" t="s">
        <v>562</v>
      </c>
    </row>
    <row r="27" spans="1:4" s="221" customFormat="1">
      <c r="A27" s="299"/>
    </row>
    <row r="28" spans="1:4" s="18" customFormat="1">
      <c r="A28" s="298" t="s">
        <v>539</v>
      </c>
    </row>
    <row r="29" spans="1:4" s="18" customFormat="1">
      <c r="A29" s="303" t="s">
        <v>558</v>
      </c>
    </row>
    <row r="30" spans="1:4" s="18" customFormat="1">
      <c r="A30" s="299"/>
    </row>
    <row r="31" spans="1:4" s="18" customFormat="1">
      <c r="A31" s="298" t="s">
        <v>540</v>
      </c>
    </row>
    <row r="32" spans="1:4" s="18" customFormat="1" ht="30">
      <c r="A32" s="303" t="s">
        <v>563</v>
      </c>
    </row>
    <row r="33" spans="1:1">
      <c r="A33" s="299"/>
    </row>
    <row r="34" spans="1:1">
      <c r="A34" s="298" t="s">
        <v>541</v>
      </c>
    </row>
    <row r="35" spans="1:1">
      <c r="A35" s="303" t="s">
        <v>559</v>
      </c>
    </row>
    <row r="36" spans="1:1" s="221" customFormat="1">
      <c r="A36" s="303"/>
    </row>
    <row r="37" spans="1:1">
      <c r="A37" s="298" t="s">
        <v>542</v>
      </c>
    </row>
    <row r="38" spans="1:1" ht="45">
      <c r="A38" s="303" t="s">
        <v>564</v>
      </c>
    </row>
    <row r="39" spans="1:1">
      <c r="A39" s="303"/>
    </row>
    <row r="40" spans="1:1">
      <c r="A40" s="298" t="s">
        <v>543</v>
      </c>
    </row>
    <row r="41" spans="1:1" ht="30">
      <c r="A41" s="303" t="s">
        <v>560</v>
      </c>
    </row>
    <row r="42" spans="1:1">
      <c r="A42" s="303"/>
    </row>
    <row r="43" spans="1:1">
      <c r="A43" s="298" t="s">
        <v>544</v>
      </c>
    </row>
    <row r="44" spans="1:1" ht="30">
      <c r="A44" s="303" t="s">
        <v>565</v>
      </c>
    </row>
    <row r="45" spans="1:1" s="221" customFormat="1">
      <c r="A45" s="303"/>
    </row>
    <row r="46" spans="1:1" s="221" customFormat="1">
      <c r="A46" s="298" t="s">
        <v>545</v>
      </c>
    </row>
    <row r="47" spans="1:1" s="221" customFormat="1" ht="30">
      <c r="A47" s="303" t="s">
        <v>566</v>
      </c>
    </row>
    <row r="48" spans="1:1" s="221" customFormat="1">
      <c r="A48" s="303"/>
    </row>
    <row r="49" spans="1:1" s="221" customFormat="1">
      <c r="A49" s="298" t="s">
        <v>546</v>
      </c>
    </row>
    <row r="50" spans="1:1" s="221" customFormat="1" ht="30">
      <c r="A50" s="303" t="s">
        <v>567</v>
      </c>
    </row>
    <row r="51" spans="1:1" s="221" customFormat="1">
      <c r="A51" s="303"/>
    </row>
    <row r="52" spans="1:1" s="221" customFormat="1">
      <c r="A52" s="298" t="s">
        <v>550</v>
      </c>
    </row>
    <row r="53" spans="1:1" s="221" customFormat="1" ht="30">
      <c r="A53" s="303" t="s">
        <v>568</v>
      </c>
    </row>
    <row r="54" spans="1:1" s="221" customFormat="1">
      <c r="A54" s="299"/>
    </row>
    <row r="55" spans="1:1" s="221" customFormat="1">
      <c r="A55" s="298" t="s">
        <v>547</v>
      </c>
    </row>
    <row r="56" spans="1:1" s="221" customFormat="1">
      <c r="A56" s="303" t="s">
        <v>569</v>
      </c>
    </row>
    <row r="57" spans="1:1" s="221" customFormat="1">
      <c r="A57" s="303"/>
    </row>
    <row r="58" spans="1:1" s="221" customFormat="1">
      <c r="A58" s="298" t="s">
        <v>551</v>
      </c>
    </row>
    <row r="59" spans="1:1" s="221" customFormat="1" ht="30">
      <c r="A59" s="303" t="s">
        <v>570</v>
      </c>
    </row>
    <row r="60" spans="1:1" s="221" customFormat="1">
      <c r="A60" s="303"/>
    </row>
    <row r="61" spans="1:1" s="221" customFormat="1">
      <c r="A61" s="298" t="s">
        <v>552</v>
      </c>
    </row>
    <row r="62" spans="1:1" s="221" customFormat="1" ht="30">
      <c r="A62" s="303" t="s">
        <v>571</v>
      </c>
    </row>
    <row r="63" spans="1:1" s="221" customFormat="1">
      <c r="A63" s="303"/>
    </row>
    <row r="64" spans="1:1" s="221" customFormat="1">
      <c r="A64" s="298" t="s">
        <v>548</v>
      </c>
    </row>
    <row r="65" spans="1:1" s="221" customFormat="1" ht="45">
      <c r="A65" s="303" t="s">
        <v>572</v>
      </c>
    </row>
    <row r="66" spans="1:1" s="221" customFormat="1">
      <c r="A66" s="303"/>
    </row>
    <row r="67" spans="1:1" s="221" customFormat="1">
      <c r="A67" s="298" t="s">
        <v>549</v>
      </c>
    </row>
    <row r="68" spans="1:1" s="221" customFormat="1" ht="37.5" customHeight="1">
      <c r="A68" s="303" t="s">
        <v>573</v>
      </c>
    </row>
    <row r="69" spans="1:1" s="221" customFormat="1">
      <c r="A69" s="303"/>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81"/>
  <sheetViews>
    <sheetView zoomScaleNormal="100" workbookViewId="0">
      <selection sqref="A1:D1"/>
    </sheetView>
  </sheetViews>
  <sheetFormatPr defaultColWidth="8.85546875" defaultRowHeight="15"/>
  <cols>
    <col min="1" max="1" width="8.85546875" style="14"/>
    <col min="2" max="2" width="35.7109375" style="221" customWidth="1"/>
    <col min="3" max="3" width="36.140625" style="221" customWidth="1"/>
    <col min="4" max="4" width="26.85546875" style="221" customWidth="1"/>
    <col min="5" max="5" width="8.85546875" style="221"/>
    <col min="6" max="6" width="23.42578125" style="221" customWidth="1"/>
    <col min="7" max="16384" width="8.85546875" style="221"/>
  </cols>
  <sheetData>
    <row r="1" spans="1:9" ht="21">
      <c r="A1" s="331" t="s">
        <v>0</v>
      </c>
      <c r="B1" s="331"/>
      <c r="C1" s="331"/>
      <c r="D1" s="331"/>
      <c r="E1" s="323"/>
      <c r="F1" s="323"/>
      <c r="G1" s="323"/>
      <c r="H1" s="323"/>
      <c r="I1" s="323"/>
    </row>
    <row r="2" spans="1:9" ht="21">
      <c r="A2" s="324"/>
      <c r="B2" s="324"/>
      <c r="C2" s="324"/>
      <c r="D2" s="324"/>
      <c r="E2" s="323"/>
      <c r="F2" s="323"/>
      <c r="G2" s="323"/>
      <c r="H2" s="323"/>
      <c r="I2" s="323"/>
    </row>
    <row r="3" spans="1:9" ht="21">
      <c r="A3" s="324" t="s">
        <v>5</v>
      </c>
      <c r="B3" s="324"/>
      <c r="C3" s="324"/>
      <c r="D3" s="324"/>
      <c r="E3" s="323"/>
      <c r="F3" s="323"/>
      <c r="G3" s="323"/>
      <c r="H3" s="323"/>
      <c r="I3" s="323"/>
    </row>
    <row r="4" spans="1:9" ht="21">
      <c r="A4" s="21"/>
      <c r="B4" s="323"/>
      <c r="C4" s="323"/>
      <c r="D4" s="323"/>
      <c r="E4" s="325"/>
      <c r="F4" s="323"/>
      <c r="G4" s="323"/>
      <c r="H4" s="323"/>
      <c r="I4" s="323"/>
    </row>
    <row r="5" spans="1:9" ht="18.75">
      <c r="A5" s="333" t="s">
        <v>59</v>
      </c>
      <c r="B5" s="333"/>
      <c r="C5" s="24"/>
      <c r="D5" s="323"/>
      <c r="E5" s="323"/>
      <c r="F5" s="323"/>
      <c r="G5" s="323"/>
      <c r="H5" s="323"/>
      <c r="I5" s="323"/>
    </row>
    <row r="6" spans="1:9" ht="18.75">
      <c r="A6" s="29"/>
      <c r="B6" s="24"/>
      <c r="C6" s="24"/>
      <c r="D6" s="323"/>
      <c r="E6" s="323"/>
      <c r="F6" s="323"/>
      <c r="G6" s="323"/>
      <c r="H6" s="323"/>
      <c r="I6" s="323"/>
    </row>
    <row r="7" spans="1:9" ht="18.75">
      <c r="A7" s="22">
        <v>1</v>
      </c>
      <c r="B7" s="228" t="s">
        <v>6</v>
      </c>
      <c r="C7" s="323"/>
      <c r="D7" s="323"/>
      <c r="E7" s="24"/>
      <c r="F7" s="24"/>
      <c r="G7" s="323"/>
      <c r="H7" s="323"/>
      <c r="I7" s="323"/>
    </row>
    <row r="8" spans="1:9">
      <c r="A8" s="22"/>
      <c r="B8" s="329" t="s">
        <v>8</v>
      </c>
      <c r="C8" s="329"/>
      <c r="D8" s="329"/>
      <c r="E8" s="329"/>
      <c r="F8" s="329"/>
      <c r="G8" s="323"/>
      <c r="H8" s="323"/>
      <c r="I8" s="323"/>
    </row>
    <row r="9" spans="1:9" ht="18.75">
      <c r="A9" s="29"/>
      <c r="B9" s="24"/>
      <c r="C9" s="24"/>
      <c r="D9" s="323"/>
      <c r="E9" s="323"/>
      <c r="F9" s="323"/>
      <c r="G9" s="323"/>
      <c r="H9" s="323"/>
      <c r="I9" s="323"/>
    </row>
    <row r="10" spans="1:9" ht="18.75">
      <c r="A10" s="22">
        <v>1</v>
      </c>
      <c r="B10" s="23" t="s">
        <v>7</v>
      </c>
      <c r="C10" s="323"/>
      <c r="D10" s="323"/>
      <c r="E10" s="24"/>
      <c r="F10" s="24"/>
      <c r="G10" s="323"/>
      <c r="H10" s="323"/>
      <c r="I10" s="323"/>
    </row>
    <row r="11" spans="1:9">
      <c r="A11" s="22"/>
      <c r="B11" s="329" t="s">
        <v>9</v>
      </c>
      <c r="C11" s="329"/>
      <c r="D11" s="329"/>
      <c r="E11" s="25"/>
      <c r="F11" s="25"/>
      <c r="G11" s="323"/>
      <c r="H11" s="323"/>
      <c r="I11" s="323"/>
    </row>
    <row r="12" spans="1:9" ht="18.75">
      <c r="A12" s="29"/>
      <c r="B12" s="24"/>
      <c r="C12" s="24"/>
      <c r="D12" s="323"/>
      <c r="E12" s="323"/>
      <c r="F12" s="323"/>
      <c r="G12" s="323"/>
      <c r="H12" s="323"/>
      <c r="I12" s="323"/>
    </row>
    <row r="13" spans="1:9" ht="18.75">
      <c r="A13" s="22">
        <v>1</v>
      </c>
      <c r="B13" s="23" t="s">
        <v>54</v>
      </c>
      <c r="C13" s="24"/>
      <c r="D13" s="323"/>
      <c r="E13" s="323"/>
      <c r="F13" s="323"/>
      <c r="G13" s="323"/>
      <c r="H13" s="323"/>
      <c r="I13" s="323"/>
    </row>
    <row r="14" spans="1:9" ht="18.75">
      <c r="A14" s="29"/>
      <c r="B14" s="323" t="s">
        <v>55</v>
      </c>
      <c r="C14" s="24"/>
      <c r="D14" s="323"/>
      <c r="E14" s="323"/>
      <c r="F14" s="323"/>
      <c r="G14" s="323"/>
      <c r="H14" s="323"/>
      <c r="I14" s="323"/>
    </row>
    <row r="15" spans="1:9" ht="18.75">
      <c r="A15" s="29"/>
      <c r="B15" s="323"/>
      <c r="C15" s="24"/>
      <c r="D15" s="323"/>
      <c r="E15" s="323"/>
      <c r="F15" s="323"/>
      <c r="G15" s="323"/>
      <c r="H15" s="323"/>
      <c r="I15" s="323"/>
    </row>
    <row r="16" spans="1:9" ht="18.75">
      <c r="A16" s="22">
        <v>1</v>
      </c>
      <c r="B16" s="23" t="s">
        <v>514</v>
      </c>
      <c r="C16" s="24"/>
      <c r="D16" s="323"/>
      <c r="E16" s="323"/>
      <c r="F16" s="323"/>
      <c r="G16" s="323"/>
      <c r="H16" s="323"/>
      <c r="I16" s="323"/>
    </row>
    <row r="17" spans="1:9" ht="18.75">
      <c r="A17" s="29"/>
      <c r="B17" s="323" t="s">
        <v>56</v>
      </c>
      <c r="C17" s="24"/>
      <c r="D17" s="323"/>
      <c r="E17" s="323"/>
      <c r="F17" s="323"/>
      <c r="G17" s="323"/>
      <c r="H17" s="323"/>
      <c r="I17" s="323"/>
    </row>
    <row r="18" spans="1:9" ht="18.75">
      <c r="A18" s="29"/>
      <c r="B18" s="323"/>
      <c r="C18" s="24"/>
      <c r="D18" s="323"/>
      <c r="E18" s="323"/>
      <c r="F18" s="323"/>
      <c r="G18" s="323"/>
      <c r="H18" s="323"/>
      <c r="I18" s="323"/>
    </row>
    <row r="19" spans="1:9" ht="18.75">
      <c r="A19" s="22">
        <v>1</v>
      </c>
      <c r="B19" s="23" t="s">
        <v>492</v>
      </c>
      <c r="C19" s="24"/>
      <c r="D19" s="323"/>
      <c r="E19" s="323"/>
      <c r="F19" s="323"/>
      <c r="G19" s="323"/>
      <c r="H19" s="323"/>
      <c r="I19" s="323"/>
    </row>
    <row r="20" spans="1:9" ht="18.75">
      <c r="A20" s="29"/>
      <c r="B20" s="323" t="s">
        <v>493</v>
      </c>
      <c r="C20" s="24"/>
      <c r="D20" s="323"/>
      <c r="E20" s="323"/>
      <c r="F20" s="323"/>
      <c r="G20" s="323"/>
      <c r="H20" s="323"/>
      <c r="I20" s="323"/>
    </row>
    <row r="21" spans="1:9" ht="18.75">
      <c r="A21" s="29"/>
      <c r="B21" s="323"/>
      <c r="C21" s="24"/>
      <c r="D21" s="323"/>
      <c r="E21" s="323"/>
      <c r="F21" s="323"/>
      <c r="G21" s="323"/>
      <c r="H21" s="323"/>
      <c r="I21" s="323"/>
    </row>
    <row r="22" spans="1:9" ht="18.75">
      <c r="A22" s="22">
        <v>1</v>
      </c>
      <c r="B22" s="23" t="s">
        <v>494</v>
      </c>
      <c r="C22" s="24"/>
      <c r="D22" s="323"/>
      <c r="E22" s="323"/>
      <c r="F22" s="323"/>
      <c r="G22" s="323"/>
      <c r="H22" s="323"/>
      <c r="I22" s="323"/>
    </row>
    <row r="23" spans="1:9" ht="18.75">
      <c r="A23" s="29"/>
      <c r="B23" s="323" t="s">
        <v>495</v>
      </c>
      <c r="C23" s="24"/>
      <c r="D23" s="323"/>
      <c r="E23" s="323"/>
      <c r="F23" s="323"/>
      <c r="G23" s="323"/>
      <c r="H23" s="323"/>
      <c r="I23" s="323"/>
    </row>
    <row r="24" spans="1:9" ht="18.75">
      <c r="A24" s="29"/>
      <c r="B24" s="323"/>
      <c r="C24" s="24"/>
      <c r="D24" s="323"/>
      <c r="E24" s="323"/>
      <c r="F24" s="323"/>
      <c r="G24" s="323"/>
      <c r="H24" s="323"/>
      <c r="I24" s="323"/>
    </row>
    <row r="25" spans="1:9" ht="18.75">
      <c r="A25" s="334" t="s">
        <v>60</v>
      </c>
      <c r="B25" s="334"/>
      <c r="C25" s="24"/>
      <c r="D25" s="323"/>
      <c r="E25" s="323"/>
      <c r="F25" s="323"/>
      <c r="G25" s="323"/>
      <c r="H25" s="323"/>
      <c r="I25" s="323"/>
    </row>
    <row r="26" spans="1:9" ht="18.75">
      <c r="A26" s="29"/>
      <c r="B26" s="323"/>
      <c r="C26" s="24"/>
      <c r="D26" s="323"/>
      <c r="E26" s="323"/>
      <c r="F26" s="323"/>
      <c r="G26" s="323"/>
      <c r="H26" s="323"/>
      <c r="I26" s="323"/>
    </row>
    <row r="27" spans="1:9" s="15" customFormat="1" ht="18.75">
      <c r="A27" s="22">
        <v>2</v>
      </c>
      <c r="B27" s="23" t="s">
        <v>496</v>
      </c>
      <c r="C27" s="323"/>
      <c r="D27" s="323"/>
      <c r="E27" s="24"/>
      <c r="F27" s="24"/>
      <c r="G27" s="24"/>
      <c r="H27" s="24"/>
      <c r="I27" s="24"/>
    </row>
    <row r="28" spans="1:9">
      <c r="A28" s="22"/>
      <c r="B28" s="328" t="s">
        <v>498</v>
      </c>
      <c r="C28" s="329"/>
      <c r="D28" s="329"/>
      <c r="E28" s="329"/>
      <c r="F28" s="329"/>
      <c r="G28" s="329"/>
      <c r="H28" s="323"/>
      <c r="I28" s="323"/>
    </row>
    <row r="29" spans="1:9">
      <c r="A29" s="22"/>
      <c r="B29" s="323"/>
      <c r="C29" s="323"/>
      <c r="D29" s="323"/>
      <c r="E29" s="323"/>
      <c r="F29" s="323"/>
      <c r="G29" s="323"/>
      <c r="H29" s="323"/>
      <c r="I29" s="323"/>
    </row>
    <row r="30" spans="1:9" s="15" customFormat="1" ht="18.75">
      <c r="A30" s="22">
        <v>2</v>
      </c>
      <c r="B30" s="23" t="s">
        <v>497</v>
      </c>
      <c r="C30" s="323"/>
      <c r="D30" s="323"/>
      <c r="E30" s="24"/>
      <c r="F30" s="24"/>
      <c r="G30" s="24"/>
      <c r="H30" s="24"/>
      <c r="I30" s="24"/>
    </row>
    <row r="31" spans="1:9">
      <c r="A31" s="22"/>
      <c r="B31" s="328" t="s">
        <v>57</v>
      </c>
      <c r="C31" s="329"/>
      <c r="D31" s="329"/>
      <c r="E31" s="329"/>
      <c r="F31" s="329"/>
      <c r="G31" s="329"/>
      <c r="H31" s="323"/>
      <c r="I31" s="323"/>
    </row>
    <row r="32" spans="1:9">
      <c r="A32" s="22"/>
      <c r="B32" s="323"/>
      <c r="C32" s="323"/>
      <c r="D32" s="323"/>
      <c r="E32" s="323"/>
      <c r="F32" s="323"/>
      <c r="G32" s="323"/>
      <c r="H32" s="323"/>
      <c r="I32" s="323"/>
    </row>
    <row r="33" spans="1:9">
      <c r="A33" s="22">
        <v>2</v>
      </c>
      <c r="B33" s="23" t="s">
        <v>339</v>
      </c>
      <c r="C33" s="323"/>
      <c r="D33" s="323"/>
      <c r="E33" s="323"/>
      <c r="F33" s="323"/>
      <c r="G33" s="323"/>
      <c r="H33" s="323"/>
      <c r="I33" s="323"/>
    </row>
    <row r="34" spans="1:9">
      <c r="A34" s="22"/>
      <c r="B34" s="323" t="s">
        <v>58</v>
      </c>
      <c r="C34" s="323"/>
      <c r="D34" s="323"/>
      <c r="E34" s="323"/>
      <c r="F34" s="323"/>
      <c r="G34" s="323"/>
      <c r="H34" s="323"/>
      <c r="I34" s="323"/>
    </row>
    <row r="35" spans="1:9">
      <c r="A35" s="22"/>
      <c r="B35" s="323"/>
      <c r="C35" s="323"/>
      <c r="D35" s="323"/>
      <c r="E35" s="323"/>
      <c r="F35" s="323"/>
      <c r="G35" s="323"/>
      <c r="H35" s="323"/>
      <c r="I35" s="323"/>
    </row>
    <row r="36" spans="1:9">
      <c r="A36" s="22">
        <v>2</v>
      </c>
      <c r="B36" s="23" t="s">
        <v>227</v>
      </c>
      <c r="C36" s="323"/>
      <c r="D36" s="323"/>
      <c r="E36" s="323"/>
      <c r="F36" s="323"/>
      <c r="G36" s="323"/>
      <c r="H36" s="323"/>
      <c r="I36" s="323"/>
    </row>
    <row r="37" spans="1:9">
      <c r="A37" s="22"/>
      <c r="B37" s="323" t="s">
        <v>461</v>
      </c>
      <c r="C37" s="323"/>
      <c r="D37" s="323"/>
      <c r="E37" s="323"/>
      <c r="F37" s="323"/>
      <c r="G37" s="323"/>
      <c r="H37" s="323"/>
      <c r="I37" s="323"/>
    </row>
    <row r="38" spans="1:9">
      <c r="A38" s="22"/>
      <c r="B38" s="323"/>
      <c r="C38" s="323"/>
      <c r="D38" s="323"/>
      <c r="E38" s="323"/>
      <c r="F38" s="323"/>
      <c r="G38" s="323"/>
      <c r="H38" s="323"/>
      <c r="I38" s="323"/>
    </row>
    <row r="39" spans="1:9">
      <c r="A39" s="22">
        <v>2</v>
      </c>
      <c r="B39" s="23" t="s">
        <v>499</v>
      </c>
      <c r="C39" s="323"/>
      <c r="D39" s="323"/>
      <c r="E39" s="323"/>
      <c r="F39" s="323"/>
      <c r="G39" s="323"/>
      <c r="H39" s="323"/>
      <c r="I39" s="323"/>
    </row>
    <row r="40" spans="1:9">
      <c r="A40" s="22"/>
      <c r="B40" s="323" t="s">
        <v>500</v>
      </c>
      <c r="C40" s="323"/>
      <c r="D40" s="323"/>
      <c r="E40" s="323"/>
      <c r="F40" s="323"/>
      <c r="G40" s="323"/>
      <c r="H40" s="323"/>
      <c r="I40" s="323"/>
    </row>
    <row r="41" spans="1:9">
      <c r="A41" s="22"/>
      <c r="B41" s="323"/>
      <c r="C41" s="323"/>
      <c r="D41" s="323"/>
      <c r="E41" s="323"/>
      <c r="F41" s="323"/>
      <c r="G41" s="323"/>
      <c r="H41" s="323"/>
      <c r="I41" s="323"/>
    </row>
    <row r="42" spans="1:9" s="15" customFormat="1" ht="18.75">
      <c r="A42" s="332" t="s">
        <v>18</v>
      </c>
      <c r="B42" s="332"/>
      <c r="C42" s="332"/>
      <c r="D42" s="24"/>
      <c r="E42" s="24"/>
      <c r="F42" s="24"/>
      <c r="G42" s="24"/>
      <c r="H42" s="24"/>
      <c r="I42" s="24"/>
    </row>
    <row r="43" spans="1:9" s="15" customFormat="1" ht="18.75">
      <c r="A43" s="29"/>
      <c r="B43" s="29"/>
      <c r="C43" s="29"/>
      <c r="D43" s="24"/>
      <c r="E43" s="24"/>
      <c r="F43" s="24"/>
      <c r="G43" s="24"/>
      <c r="H43" s="24"/>
      <c r="I43" s="24"/>
    </row>
    <row r="44" spans="1:9" s="15" customFormat="1" ht="18.75">
      <c r="A44" s="334" t="s">
        <v>41</v>
      </c>
      <c r="B44" s="334"/>
      <c r="C44" s="29"/>
      <c r="D44" s="24"/>
      <c r="E44" s="24"/>
      <c r="F44" s="24"/>
      <c r="G44" s="24"/>
      <c r="H44" s="24"/>
      <c r="I44" s="24"/>
    </row>
    <row r="45" spans="1:9" s="15" customFormat="1" ht="18.75">
      <c r="A45" s="29"/>
      <c r="B45" s="29"/>
      <c r="C45" s="29"/>
      <c r="D45" s="24"/>
      <c r="E45" s="24"/>
      <c r="F45" s="24"/>
      <c r="G45" s="24"/>
      <c r="H45" s="24"/>
      <c r="I45" s="24"/>
    </row>
    <row r="46" spans="1:9">
      <c r="A46" s="22">
        <v>3</v>
      </c>
      <c r="B46" s="229" t="s">
        <v>1</v>
      </c>
      <c r="C46" s="323"/>
      <c r="D46" s="323"/>
      <c r="E46" s="323"/>
      <c r="F46" s="323"/>
      <c r="G46" s="323"/>
      <c r="H46" s="323"/>
      <c r="I46" s="323"/>
    </row>
    <row r="47" spans="1:9">
      <c r="A47" s="21"/>
      <c r="B47" s="328" t="s">
        <v>20</v>
      </c>
      <c r="C47" s="329"/>
      <c r="D47" s="329"/>
      <c r="E47" s="329"/>
      <c r="F47" s="23"/>
      <c r="G47" s="323"/>
      <c r="H47" s="323"/>
      <c r="I47" s="323"/>
    </row>
    <row r="48" spans="1:9">
      <c r="A48" s="21"/>
      <c r="B48" s="322"/>
      <c r="C48" s="323"/>
      <c r="D48" s="323"/>
      <c r="E48" s="323"/>
      <c r="F48" s="23"/>
      <c r="G48" s="323"/>
      <c r="H48" s="323"/>
      <c r="I48" s="323"/>
    </row>
    <row r="49" spans="1:9">
      <c r="A49" s="21">
        <v>3</v>
      </c>
      <c r="B49" s="27" t="s">
        <v>34</v>
      </c>
      <c r="C49" s="323"/>
      <c r="D49" s="323"/>
      <c r="E49" s="323"/>
      <c r="F49" s="23"/>
      <c r="G49" s="323"/>
      <c r="H49" s="323"/>
      <c r="I49" s="323"/>
    </row>
    <row r="50" spans="1:9">
      <c r="A50" s="21"/>
      <c r="B50" s="322" t="s">
        <v>515</v>
      </c>
      <c r="C50" s="323"/>
      <c r="D50" s="323"/>
      <c r="E50" s="323"/>
      <c r="F50" s="23"/>
      <c r="G50" s="323"/>
      <c r="H50" s="323"/>
      <c r="I50" s="323"/>
    </row>
    <row r="51" spans="1:9">
      <c r="A51" s="21"/>
      <c r="B51" s="322"/>
      <c r="C51" s="323"/>
      <c r="D51" s="323"/>
      <c r="E51" s="323"/>
      <c r="F51" s="23"/>
      <c r="G51" s="323"/>
      <c r="H51" s="323"/>
      <c r="I51" s="323"/>
    </row>
    <row r="52" spans="1:9">
      <c r="A52" s="21">
        <v>3</v>
      </c>
      <c r="B52" s="27" t="s">
        <v>35</v>
      </c>
      <c r="C52" s="323"/>
      <c r="D52" s="323"/>
      <c r="E52" s="323"/>
      <c r="F52" s="23"/>
      <c r="G52" s="323"/>
      <c r="H52" s="323"/>
      <c r="I52" s="323"/>
    </row>
    <row r="53" spans="1:9">
      <c r="A53" s="21"/>
      <c r="B53" s="322" t="s">
        <v>516</v>
      </c>
      <c r="C53" s="323"/>
      <c r="D53" s="323"/>
      <c r="E53" s="323"/>
      <c r="F53" s="23"/>
      <c r="G53" s="323"/>
      <c r="H53" s="323"/>
      <c r="I53" s="323"/>
    </row>
    <row r="54" spans="1:9">
      <c r="A54" s="21"/>
      <c r="B54" s="322"/>
      <c r="C54" s="323"/>
      <c r="D54" s="323"/>
      <c r="E54" s="323"/>
      <c r="F54" s="23"/>
      <c r="G54" s="323"/>
      <c r="H54" s="323"/>
      <c r="I54" s="323"/>
    </row>
    <row r="55" spans="1:9">
      <c r="A55" s="22">
        <v>3</v>
      </c>
      <c r="B55" s="27" t="s">
        <v>10</v>
      </c>
      <c r="C55" s="323"/>
      <c r="D55" s="323"/>
      <c r="E55" s="323"/>
      <c r="F55" s="323"/>
      <c r="G55" s="323"/>
      <c r="H55" s="323"/>
      <c r="I55" s="323"/>
    </row>
    <row r="56" spans="1:9">
      <c r="A56" s="21"/>
      <c r="B56" s="328" t="s">
        <v>21</v>
      </c>
      <c r="C56" s="329"/>
      <c r="D56" s="323"/>
      <c r="E56" s="323"/>
      <c r="F56" s="323"/>
      <c r="G56" s="323"/>
      <c r="H56" s="323"/>
      <c r="I56" s="323"/>
    </row>
    <row r="57" spans="1:9">
      <c r="A57" s="21"/>
      <c r="B57" s="322"/>
      <c r="C57" s="323"/>
      <c r="D57" s="323"/>
      <c r="E57" s="323"/>
      <c r="F57" s="323"/>
      <c r="G57" s="323"/>
      <c r="H57" s="323"/>
      <c r="I57" s="323"/>
    </row>
    <row r="58" spans="1:9">
      <c r="A58" s="21">
        <v>3</v>
      </c>
      <c r="B58" s="27" t="s">
        <v>36</v>
      </c>
      <c r="C58" s="323"/>
      <c r="D58" s="323"/>
      <c r="E58" s="323"/>
      <c r="F58" s="323"/>
      <c r="G58" s="323"/>
      <c r="H58" s="323"/>
      <c r="I58" s="323"/>
    </row>
    <row r="59" spans="1:9">
      <c r="A59" s="21"/>
      <c r="B59" s="322" t="s">
        <v>517</v>
      </c>
      <c r="C59" s="323"/>
      <c r="D59" s="323"/>
      <c r="E59" s="323"/>
      <c r="F59" s="323"/>
      <c r="G59" s="323"/>
      <c r="H59" s="323"/>
      <c r="I59" s="323"/>
    </row>
    <row r="60" spans="1:9" ht="21">
      <c r="A60" s="26"/>
      <c r="B60" s="323"/>
      <c r="C60" s="323"/>
      <c r="D60" s="323"/>
      <c r="E60" s="323"/>
      <c r="F60" s="323"/>
      <c r="G60" s="323"/>
      <c r="H60" s="323"/>
      <c r="I60" s="323"/>
    </row>
    <row r="61" spans="1:9" s="15" customFormat="1" ht="18.75">
      <c r="A61" s="334" t="s">
        <v>40</v>
      </c>
      <c r="B61" s="334"/>
      <c r="C61" s="29"/>
      <c r="D61" s="24"/>
      <c r="E61" s="24"/>
      <c r="F61" s="24"/>
      <c r="G61" s="24"/>
      <c r="H61" s="24"/>
      <c r="I61" s="24"/>
    </row>
    <row r="62" spans="1:9" s="15" customFormat="1" ht="18.75">
      <c r="A62" s="29"/>
      <c r="B62" s="29"/>
      <c r="C62" s="29"/>
      <c r="D62" s="24"/>
      <c r="E62" s="24"/>
      <c r="F62" s="24"/>
      <c r="G62" s="24"/>
      <c r="H62" s="24"/>
      <c r="I62" s="24"/>
    </row>
    <row r="63" spans="1:9">
      <c r="A63" s="22">
        <v>4</v>
      </c>
      <c r="B63" s="228" t="s">
        <v>3</v>
      </c>
      <c r="C63" s="323"/>
      <c r="D63" s="323"/>
      <c r="E63" s="323"/>
      <c r="F63" s="323"/>
      <c r="G63" s="323"/>
      <c r="H63" s="323"/>
      <c r="I63" s="323"/>
    </row>
    <row r="64" spans="1:9">
      <c r="A64" s="21"/>
      <c r="B64" s="328" t="s">
        <v>19</v>
      </c>
      <c r="C64" s="329"/>
      <c r="D64" s="329"/>
      <c r="E64" s="323"/>
      <c r="F64" s="323"/>
      <c r="G64" s="323"/>
      <c r="H64" s="323"/>
      <c r="I64" s="323"/>
    </row>
    <row r="65" spans="1:9">
      <c r="A65" s="21"/>
      <c r="B65" s="328" t="s">
        <v>31</v>
      </c>
      <c r="C65" s="329"/>
      <c r="D65" s="329"/>
      <c r="E65" s="323"/>
      <c r="F65" s="323"/>
      <c r="G65" s="323"/>
      <c r="H65" s="323"/>
      <c r="I65" s="323"/>
    </row>
    <row r="66" spans="1:9" ht="21">
      <c r="A66" s="26"/>
      <c r="B66" s="323"/>
      <c r="C66" s="323"/>
      <c r="D66" s="323"/>
      <c r="E66" s="323"/>
      <c r="F66" s="323"/>
      <c r="G66" s="323"/>
      <c r="H66" s="323"/>
      <c r="I66" s="323"/>
    </row>
    <row r="67" spans="1:9">
      <c r="A67" s="22">
        <v>4</v>
      </c>
      <c r="B67" s="27" t="s">
        <v>205</v>
      </c>
      <c r="C67" s="323"/>
      <c r="D67" s="323"/>
      <c r="E67" s="323"/>
      <c r="F67" s="323"/>
      <c r="G67" s="323"/>
      <c r="H67" s="323"/>
      <c r="I67" s="323"/>
    </row>
    <row r="68" spans="1:9">
      <c r="A68" s="21"/>
      <c r="B68" s="328" t="s">
        <v>215</v>
      </c>
      <c r="C68" s="329"/>
      <c r="D68" s="323"/>
      <c r="E68" s="323"/>
      <c r="F68" s="323"/>
      <c r="G68" s="323"/>
      <c r="H68" s="323"/>
      <c r="I68" s="323"/>
    </row>
    <row r="69" spans="1:9">
      <c r="A69" s="21"/>
      <c r="B69" s="328" t="s">
        <v>216</v>
      </c>
      <c r="C69" s="329"/>
      <c r="D69" s="329"/>
      <c r="E69" s="329"/>
      <c r="F69" s="323"/>
      <c r="G69" s="323"/>
      <c r="H69" s="323"/>
      <c r="I69" s="323"/>
    </row>
    <row r="70" spans="1:9" ht="21">
      <c r="A70" s="26"/>
      <c r="B70" s="323"/>
      <c r="C70" s="323"/>
      <c r="D70" s="323"/>
      <c r="E70" s="323"/>
      <c r="F70" s="323"/>
      <c r="G70" s="323"/>
      <c r="H70" s="323"/>
      <c r="I70" s="323"/>
    </row>
    <row r="71" spans="1:9">
      <c r="A71" s="22">
        <v>4</v>
      </c>
      <c r="B71" s="27" t="s">
        <v>37</v>
      </c>
      <c r="C71" s="323"/>
      <c r="D71" s="323"/>
      <c r="E71" s="323"/>
      <c r="F71" s="323"/>
      <c r="G71" s="323"/>
      <c r="H71" s="323"/>
      <c r="I71" s="323"/>
    </row>
    <row r="72" spans="1:9">
      <c r="A72" s="21"/>
      <c r="B72" s="328" t="s">
        <v>61</v>
      </c>
      <c r="C72" s="329"/>
      <c r="D72" s="329"/>
      <c r="E72" s="329"/>
      <c r="F72" s="23"/>
      <c r="G72" s="323"/>
      <c r="H72" s="323"/>
      <c r="I72" s="323"/>
    </row>
    <row r="73" spans="1:9">
      <c r="A73" s="21"/>
      <c r="B73" s="328"/>
      <c r="C73" s="329"/>
      <c r="D73" s="329"/>
      <c r="E73" s="329"/>
      <c r="F73" s="323"/>
      <c r="G73" s="23"/>
      <c r="H73" s="323"/>
      <c r="I73" s="323"/>
    </row>
    <row r="74" spans="1:9">
      <c r="A74" s="21">
        <v>4</v>
      </c>
      <c r="B74" s="27" t="s">
        <v>38</v>
      </c>
      <c r="C74" s="323"/>
      <c r="D74" s="323"/>
      <c r="E74" s="323"/>
      <c r="F74" s="323"/>
      <c r="G74" s="23"/>
      <c r="H74" s="323"/>
      <c r="I74" s="323"/>
    </row>
    <row r="75" spans="1:9">
      <c r="A75" s="21"/>
      <c r="B75" s="322" t="s">
        <v>518</v>
      </c>
      <c r="C75" s="323"/>
      <c r="D75" s="323"/>
      <c r="E75" s="323"/>
      <c r="F75" s="323"/>
      <c r="G75" s="23"/>
      <c r="H75" s="323"/>
      <c r="I75" s="323"/>
    </row>
    <row r="76" spans="1:9">
      <c r="A76" s="21"/>
      <c r="B76" s="322"/>
      <c r="C76" s="323"/>
      <c r="D76" s="323"/>
      <c r="E76" s="323"/>
      <c r="F76" s="323"/>
      <c r="G76" s="23"/>
      <c r="H76" s="323"/>
      <c r="I76" s="323"/>
    </row>
    <row r="77" spans="1:9">
      <c r="A77" s="22">
        <v>4</v>
      </c>
      <c r="B77" s="27" t="s">
        <v>4</v>
      </c>
      <c r="C77" s="323"/>
      <c r="D77" s="323"/>
      <c r="E77" s="323"/>
      <c r="F77" s="323"/>
      <c r="G77" s="323"/>
      <c r="H77" s="323"/>
      <c r="I77" s="323"/>
    </row>
    <row r="78" spans="1:9">
      <c r="A78" s="21"/>
      <c r="B78" s="328" t="s">
        <v>22</v>
      </c>
      <c r="C78" s="329"/>
      <c r="D78" s="329"/>
      <c r="E78" s="323"/>
      <c r="F78" s="323"/>
      <c r="G78" s="323"/>
      <c r="H78" s="323"/>
      <c r="I78" s="323"/>
    </row>
    <row r="79" spans="1:9">
      <c r="A79" s="21"/>
      <c r="B79" s="322"/>
      <c r="C79" s="323"/>
      <c r="D79" s="323"/>
      <c r="E79" s="323"/>
      <c r="F79" s="323"/>
      <c r="G79" s="323"/>
      <c r="H79" s="323"/>
      <c r="I79" s="323"/>
    </row>
    <row r="80" spans="1:9">
      <c r="A80" s="22">
        <v>4</v>
      </c>
      <c r="B80" s="27" t="s">
        <v>501</v>
      </c>
      <c r="C80" s="323"/>
      <c r="D80" s="323"/>
      <c r="E80" s="323"/>
      <c r="F80" s="323"/>
      <c r="G80" s="323"/>
      <c r="H80" s="323"/>
      <c r="I80" s="323"/>
    </row>
    <row r="81" spans="1:9">
      <c r="A81" s="21"/>
      <c r="B81" s="328" t="s">
        <v>502</v>
      </c>
      <c r="C81" s="329"/>
      <c r="D81" s="329"/>
      <c r="E81" s="323"/>
      <c r="F81" s="323"/>
      <c r="G81" s="323"/>
      <c r="H81" s="323"/>
      <c r="I81" s="323"/>
    </row>
    <row r="82" spans="1:9">
      <c r="A82" s="21"/>
      <c r="B82" s="322"/>
      <c r="C82" s="323"/>
      <c r="D82" s="323"/>
      <c r="E82" s="323"/>
      <c r="F82" s="323"/>
      <c r="G82" s="323"/>
      <c r="H82" s="323"/>
      <c r="I82" s="323"/>
    </row>
    <row r="83" spans="1:9">
      <c r="A83" s="330" t="s">
        <v>62</v>
      </c>
      <c r="B83" s="330"/>
      <c r="C83" s="323"/>
      <c r="D83" s="323"/>
      <c r="E83" s="323"/>
      <c r="F83" s="323"/>
      <c r="G83" s="323"/>
      <c r="H83" s="323"/>
      <c r="I83" s="323"/>
    </row>
    <row r="84" spans="1:9">
      <c r="A84" s="21"/>
      <c r="B84" s="322"/>
      <c r="C84" s="323"/>
      <c r="D84" s="323"/>
      <c r="E84" s="323"/>
      <c r="F84" s="323"/>
      <c r="G84" s="323"/>
      <c r="H84" s="323"/>
      <c r="I84" s="323"/>
    </row>
    <row r="85" spans="1:9">
      <c r="A85" s="22">
        <v>5</v>
      </c>
      <c r="B85" s="229" t="s">
        <v>11</v>
      </c>
      <c r="C85" s="323"/>
      <c r="D85" s="323"/>
      <c r="E85" s="323"/>
      <c r="F85" s="323"/>
      <c r="G85" s="323"/>
      <c r="H85" s="323"/>
      <c r="I85" s="323"/>
    </row>
    <row r="86" spans="1:9">
      <c r="A86" s="21"/>
      <c r="B86" s="328" t="s">
        <v>23</v>
      </c>
      <c r="C86" s="329"/>
      <c r="D86" s="329"/>
      <c r="E86" s="323"/>
      <c r="F86" s="323"/>
      <c r="G86" s="323"/>
      <c r="H86" s="323"/>
      <c r="I86" s="323"/>
    </row>
    <row r="87" spans="1:9">
      <c r="A87" s="21"/>
      <c r="B87" s="322"/>
      <c r="C87" s="323"/>
      <c r="D87" s="323"/>
      <c r="E87" s="323"/>
      <c r="F87" s="323"/>
      <c r="G87" s="323"/>
      <c r="H87" s="323"/>
      <c r="I87" s="323"/>
    </row>
    <row r="88" spans="1:9">
      <c r="A88" s="21">
        <v>5</v>
      </c>
      <c r="B88" s="27" t="s">
        <v>42</v>
      </c>
      <c r="C88" s="323"/>
      <c r="D88" s="323"/>
      <c r="E88" s="323"/>
      <c r="F88" s="323"/>
      <c r="G88" s="323"/>
      <c r="H88" s="323"/>
      <c r="I88" s="323"/>
    </row>
    <row r="89" spans="1:9">
      <c r="A89" s="21"/>
      <c r="B89" s="322" t="s">
        <v>519</v>
      </c>
      <c r="C89" s="323"/>
      <c r="D89" s="323"/>
      <c r="E89" s="323"/>
      <c r="F89" s="323"/>
      <c r="G89" s="323"/>
      <c r="H89" s="323"/>
      <c r="I89" s="323"/>
    </row>
    <row r="90" spans="1:9">
      <c r="A90" s="21"/>
      <c r="B90" s="323"/>
      <c r="C90" s="323"/>
      <c r="D90" s="323"/>
      <c r="E90" s="323"/>
      <c r="F90" s="323"/>
      <c r="G90" s="323"/>
      <c r="H90" s="323"/>
      <c r="I90" s="323"/>
    </row>
    <row r="91" spans="1:9">
      <c r="A91" s="22">
        <v>5</v>
      </c>
      <c r="B91" s="27" t="s">
        <v>231</v>
      </c>
      <c r="C91" s="323"/>
      <c r="D91" s="323"/>
      <c r="E91" s="323"/>
      <c r="F91" s="323"/>
      <c r="G91" s="323"/>
      <c r="H91" s="323"/>
      <c r="I91" s="323"/>
    </row>
    <row r="92" spans="1:9">
      <c r="A92" s="21"/>
      <c r="B92" s="328" t="s">
        <v>63</v>
      </c>
      <c r="C92" s="329"/>
      <c r="D92" s="329"/>
      <c r="E92" s="323"/>
      <c r="F92" s="323"/>
      <c r="G92" s="323"/>
      <c r="H92" s="323"/>
      <c r="I92" s="323"/>
    </row>
    <row r="93" spans="1:9">
      <c r="A93" s="21"/>
      <c r="B93" s="328"/>
      <c r="C93" s="329"/>
      <c r="D93" s="329"/>
      <c r="E93" s="323"/>
      <c r="F93" s="323"/>
      <c r="G93" s="323"/>
      <c r="H93" s="323"/>
      <c r="I93" s="323"/>
    </row>
    <row r="94" spans="1:9">
      <c r="A94" s="21">
        <v>5</v>
      </c>
      <c r="B94" s="27" t="s">
        <v>43</v>
      </c>
      <c r="C94" s="323"/>
      <c r="D94" s="323"/>
      <c r="E94" s="323"/>
      <c r="F94" s="323"/>
      <c r="G94" s="323"/>
      <c r="H94" s="323"/>
      <c r="I94" s="323"/>
    </row>
    <row r="95" spans="1:9">
      <c r="A95" s="21"/>
      <c r="B95" s="328" t="s">
        <v>63</v>
      </c>
      <c r="C95" s="329"/>
      <c r="D95" s="329"/>
      <c r="E95" s="323"/>
      <c r="F95" s="323"/>
      <c r="G95" s="323"/>
      <c r="H95" s="323"/>
      <c r="I95" s="323"/>
    </row>
    <row r="96" spans="1:9">
      <c r="A96" s="21"/>
      <c r="B96" s="322"/>
      <c r="C96" s="323"/>
      <c r="D96" s="323"/>
      <c r="E96" s="323"/>
      <c r="F96" s="323"/>
      <c r="G96" s="323"/>
      <c r="H96" s="323"/>
      <c r="I96" s="323"/>
    </row>
    <row r="97" spans="1:9">
      <c r="A97" s="21">
        <v>5</v>
      </c>
      <c r="B97" s="27" t="s">
        <v>503</v>
      </c>
      <c r="C97" s="323"/>
      <c r="D97" s="323"/>
      <c r="E97" s="323"/>
      <c r="F97" s="323"/>
      <c r="G97" s="323"/>
      <c r="H97" s="323"/>
      <c r="I97" s="323"/>
    </row>
    <row r="98" spans="1:9">
      <c r="A98" s="21"/>
      <c r="B98" s="328" t="s">
        <v>504</v>
      </c>
      <c r="C98" s="329"/>
      <c r="D98" s="329"/>
      <c r="E98" s="323"/>
      <c r="F98" s="323"/>
      <c r="G98" s="323"/>
      <c r="H98" s="323"/>
      <c r="I98" s="323"/>
    </row>
    <row r="99" spans="1:9">
      <c r="A99" s="21"/>
      <c r="B99" s="322"/>
      <c r="C99" s="323"/>
      <c r="D99" s="323"/>
      <c r="E99" s="323"/>
      <c r="F99" s="323"/>
      <c r="G99" s="323"/>
      <c r="H99" s="323"/>
      <c r="I99" s="323"/>
    </row>
    <row r="100" spans="1:9">
      <c r="A100" s="330" t="s">
        <v>44</v>
      </c>
      <c r="B100" s="330"/>
      <c r="C100" s="323"/>
      <c r="D100" s="323"/>
      <c r="E100" s="323"/>
      <c r="F100" s="323"/>
      <c r="G100" s="323"/>
      <c r="H100" s="323"/>
      <c r="I100" s="323"/>
    </row>
    <row r="101" spans="1:9">
      <c r="A101" s="21"/>
      <c r="B101" s="322"/>
      <c r="C101" s="323"/>
      <c r="D101" s="323"/>
      <c r="E101" s="323"/>
      <c r="F101" s="323"/>
      <c r="G101" s="323"/>
      <c r="H101" s="323"/>
      <c r="I101" s="323"/>
    </row>
    <row r="102" spans="1:9">
      <c r="A102" s="22">
        <v>6</v>
      </c>
      <c r="B102" s="229" t="s">
        <v>12</v>
      </c>
      <c r="C102" s="323"/>
      <c r="D102" s="323"/>
      <c r="E102" s="323"/>
      <c r="F102" s="323"/>
      <c r="G102" s="323"/>
      <c r="H102" s="323"/>
      <c r="I102" s="323"/>
    </row>
    <row r="103" spans="1:9">
      <c r="A103" s="21"/>
      <c r="B103" s="328" t="s">
        <v>24</v>
      </c>
      <c r="C103" s="329"/>
      <c r="D103" s="329"/>
      <c r="E103" s="323"/>
      <c r="F103" s="323"/>
      <c r="G103" s="323"/>
      <c r="H103" s="323"/>
      <c r="I103" s="323"/>
    </row>
    <row r="104" spans="1:9">
      <c r="A104" s="21"/>
      <c r="B104" s="328"/>
      <c r="C104" s="329"/>
      <c r="D104" s="329"/>
      <c r="E104" s="323"/>
      <c r="F104" s="323"/>
      <c r="G104" s="323"/>
      <c r="H104" s="323"/>
      <c r="I104" s="323"/>
    </row>
    <row r="105" spans="1:9">
      <c r="A105" s="21">
        <v>6</v>
      </c>
      <c r="B105" s="27" t="s">
        <v>45</v>
      </c>
      <c r="C105" s="323"/>
      <c r="D105" s="323"/>
      <c r="E105" s="323"/>
      <c r="F105" s="323"/>
      <c r="G105" s="323"/>
      <c r="H105" s="323"/>
      <c r="I105" s="323"/>
    </row>
    <row r="106" spans="1:9">
      <c r="A106" s="21"/>
      <c r="B106" s="322" t="s">
        <v>521</v>
      </c>
      <c r="C106" s="323"/>
      <c r="D106" s="323"/>
      <c r="E106" s="323"/>
      <c r="F106" s="323"/>
      <c r="G106" s="323"/>
      <c r="H106" s="323"/>
      <c r="I106" s="323"/>
    </row>
    <row r="107" spans="1:9">
      <c r="A107" s="21"/>
      <c r="B107" s="323"/>
      <c r="C107" s="323"/>
      <c r="D107" s="323"/>
      <c r="E107" s="323"/>
      <c r="F107" s="323"/>
      <c r="G107" s="323"/>
      <c r="H107" s="323"/>
      <c r="I107" s="323"/>
    </row>
    <row r="108" spans="1:9">
      <c r="A108" s="22">
        <v>6</v>
      </c>
      <c r="B108" s="27" t="s">
        <v>233</v>
      </c>
      <c r="C108" s="323"/>
      <c r="D108" s="323"/>
      <c r="E108" s="323"/>
      <c r="F108" s="323"/>
      <c r="G108" s="323"/>
      <c r="H108" s="323"/>
      <c r="I108" s="323"/>
    </row>
    <row r="109" spans="1:9">
      <c r="A109" s="21"/>
      <c r="B109" s="328" t="s">
        <v>25</v>
      </c>
      <c r="C109" s="329"/>
      <c r="D109" s="329"/>
      <c r="E109" s="323"/>
      <c r="F109" s="323"/>
      <c r="G109" s="323"/>
      <c r="H109" s="323"/>
      <c r="I109" s="323"/>
    </row>
    <row r="110" spans="1:9">
      <c r="A110" s="21"/>
      <c r="B110" s="328"/>
      <c r="C110" s="329"/>
      <c r="D110" s="329"/>
      <c r="E110" s="323"/>
      <c r="F110" s="323"/>
      <c r="G110" s="323"/>
      <c r="H110" s="323"/>
      <c r="I110" s="323"/>
    </row>
    <row r="111" spans="1:9">
      <c r="A111" s="21">
        <v>6</v>
      </c>
      <c r="B111" s="27" t="s">
        <v>46</v>
      </c>
      <c r="C111" s="323"/>
      <c r="D111" s="323"/>
      <c r="E111" s="323"/>
      <c r="F111" s="323"/>
      <c r="G111" s="323"/>
      <c r="H111" s="323"/>
      <c r="I111" s="323"/>
    </row>
    <row r="112" spans="1:9">
      <c r="A112" s="21"/>
      <c r="B112" s="322" t="s">
        <v>520</v>
      </c>
      <c r="C112" s="323"/>
      <c r="D112" s="323"/>
      <c r="E112" s="323"/>
      <c r="F112" s="323"/>
      <c r="G112" s="323"/>
      <c r="H112" s="323"/>
      <c r="I112" s="323"/>
    </row>
    <row r="113" spans="1:9">
      <c r="A113" s="21"/>
      <c r="B113" s="322"/>
      <c r="C113" s="323"/>
      <c r="D113" s="323"/>
      <c r="E113" s="323"/>
      <c r="F113" s="323"/>
      <c r="G113" s="323"/>
      <c r="H113" s="323"/>
      <c r="I113" s="323"/>
    </row>
    <row r="114" spans="1:9">
      <c r="A114" s="21">
        <v>6</v>
      </c>
      <c r="B114" s="27" t="s">
        <v>462</v>
      </c>
      <c r="C114" s="323"/>
      <c r="D114" s="323"/>
      <c r="E114" s="323"/>
      <c r="F114" s="323"/>
      <c r="G114" s="323"/>
      <c r="H114" s="323"/>
      <c r="I114" s="323"/>
    </row>
    <row r="115" spans="1:9">
      <c r="A115" s="21"/>
      <c r="B115" s="322" t="s">
        <v>506</v>
      </c>
      <c r="C115" s="323"/>
      <c r="D115" s="323"/>
      <c r="E115" s="323"/>
      <c r="F115" s="323"/>
      <c r="G115" s="323"/>
      <c r="H115" s="323"/>
      <c r="I115" s="323"/>
    </row>
    <row r="116" spans="1:9">
      <c r="A116" s="21"/>
      <c r="B116" s="322"/>
      <c r="C116" s="323"/>
      <c r="D116" s="323"/>
      <c r="E116" s="323"/>
      <c r="F116" s="323"/>
      <c r="G116" s="323"/>
      <c r="H116" s="323"/>
      <c r="I116" s="323"/>
    </row>
    <row r="117" spans="1:9">
      <c r="A117" s="21">
        <v>6</v>
      </c>
      <c r="B117" s="23" t="s">
        <v>30</v>
      </c>
      <c r="C117" s="323"/>
      <c r="D117" s="323"/>
      <c r="E117" s="323"/>
      <c r="F117" s="323"/>
      <c r="G117" s="323"/>
      <c r="H117" s="323"/>
      <c r="I117" s="323"/>
    </row>
    <row r="118" spans="1:9">
      <c r="A118" s="22"/>
      <c r="B118" s="323" t="s">
        <v>64</v>
      </c>
      <c r="C118" s="323"/>
      <c r="D118" s="323"/>
      <c r="E118" s="323"/>
      <c r="F118" s="323"/>
      <c r="G118" s="323"/>
      <c r="H118" s="323"/>
      <c r="I118" s="323"/>
    </row>
    <row r="119" spans="1:9">
      <c r="A119" s="21"/>
      <c r="B119" s="328"/>
      <c r="C119" s="329"/>
      <c r="D119" s="329"/>
      <c r="E119" s="323"/>
      <c r="F119" s="323"/>
      <c r="G119" s="323"/>
      <c r="H119" s="323"/>
      <c r="I119" s="323"/>
    </row>
    <row r="120" spans="1:9">
      <c r="A120" s="21">
        <v>6</v>
      </c>
      <c r="B120" s="27" t="s">
        <v>13</v>
      </c>
      <c r="C120" s="323"/>
      <c r="D120" s="323"/>
      <c r="E120" s="323"/>
      <c r="F120" s="323"/>
      <c r="G120" s="323"/>
      <c r="H120" s="323"/>
      <c r="I120" s="323"/>
    </row>
    <row r="121" spans="1:9">
      <c r="A121" s="28"/>
      <c r="B121" s="328" t="s">
        <v>14</v>
      </c>
      <c r="C121" s="329"/>
      <c r="D121" s="329"/>
      <c r="E121" s="323"/>
      <c r="F121" s="323"/>
      <c r="G121" s="323"/>
      <c r="H121" s="323"/>
      <c r="I121" s="323"/>
    </row>
    <row r="122" spans="1:9">
      <c r="A122" s="28"/>
      <c r="B122" s="322"/>
      <c r="C122" s="323"/>
      <c r="D122" s="323"/>
      <c r="E122" s="323"/>
      <c r="F122" s="323"/>
      <c r="G122" s="323"/>
      <c r="H122" s="323"/>
      <c r="I122" s="323"/>
    </row>
    <row r="123" spans="1:9">
      <c r="A123" s="21">
        <v>6</v>
      </c>
      <c r="B123" s="27" t="s">
        <v>400</v>
      </c>
      <c r="C123" s="323"/>
      <c r="D123" s="323"/>
      <c r="E123" s="323"/>
      <c r="F123" s="323"/>
      <c r="G123" s="323"/>
      <c r="H123" s="323"/>
      <c r="I123" s="323"/>
    </row>
    <row r="124" spans="1:9">
      <c r="A124" s="28"/>
      <c r="B124" s="328" t="s">
        <v>505</v>
      </c>
      <c r="C124" s="329"/>
      <c r="D124" s="329"/>
      <c r="E124" s="323"/>
      <c r="F124" s="323"/>
      <c r="G124" s="323"/>
      <c r="H124" s="323"/>
      <c r="I124" s="323"/>
    </row>
    <row r="125" spans="1:9">
      <c r="A125" s="28"/>
      <c r="B125" s="322"/>
      <c r="C125" s="323"/>
      <c r="D125" s="323"/>
      <c r="E125" s="323"/>
      <c r="F125" s="323"/>
      <c r="G125" s="323"/>
      <c r="H125" s="323"/>
      <c r="I125" s="323"/>
    </row>
    <row r="126" spans="1:9">
      <c r="A126" s="330" t="s">
        <v>47</v>
      </c>
      <c r="B126" s="330"/>
      <c r="C126" s="323"/>
      <c r="D126" s="323"/>
      <c r="E126" s="323"/>
      <c r="F126" s="323"/>
      <c r="G126" s="323"/>
      <c r="H126" s="323"/>
      <c r="I126" s="323"/>
    </row>
    <row r="127" spans="1:9">
      <c r="A127" s="28"/>
      <c r="B127" s="27"/>
      <c r="C127" s="323"/>
      <c r="D127" s="323"/>
      <c r="E127" s="323"/>
      <c r="F127" s="323"/>
      <c r="G127" s="323"/>
      <c r="H127" s="323"/>
      <c r="I127" s="323"/>
    </row>
    <row r="128" spans="1:9">
      <c r="A128" s="22">
        <v>7</v>
      </c>
      <c r="B128" s="229" t="s">
        <v>236</v>
      </c>
      <c r="C128" s="323"/>
      <c r="D128" s="323"/>
      <c r="E128" s="323"/>
      <c r="F128" s="323"/>
      <c r="G128" s="323"/>
      <c r="H128" s="323"/>
      <c r="I128" s="323"/>
    </row>
    <row r="129" spans="1:9">
      <c r="A129" s="28"/>
      <c r="B129" s="328" t="s">
        <v>340</v>
      </c>
      <c r="C129" s="329"/>
      <c r="D129" s="329"/>
      <c r="E129" s="323"/>
      <c r="F129" s="323"/>
      <c r="G129" s="323"/>
      <c r="H129" s="323"/>
      <c r="I129" s="323"/>
    </row>
    <row r="130" spans="1:9">
      <c r="A130" s="28"/>
      <c r="B130" s="328"/>
      <c r="C130" s="329"/>
      <c r="D130" s="329"/>
      <c r="E130" s="323"/>
      <c r="F130" s="323"/>
      <c r="G130" s="323"/>
      <c r="H130" s="323"/>
      <c r="I130" s="323"/>
    </row>
    <row r="131" spans="1:9">
      <c r="A131" s="22">
        <v>7</v>
      </c>
      <c r="B131" s="27" t="s">
        <v>507</v>
      </c>
      <c r="C131" s="323"/>
      <c r="D131" s="323"/>
      <c r="E131" s="323"/>
      <c r="F131" s="323"/>
      <c r="G131" s="323"/>
      <c r="H131" s="323"/>
      <c r="I131" s="323"/>
    </row>
    <row r="132" spans="1:9">
      <c r="A132" s="28"/>
      <c r="B132" s="328" t="s">
        <v>508</v>
      </c>
      <c r="C132" s="329"/>
      <c r="D132" s="329"/>
      <c r="E132" s="323"/>
      <c r="F132" s="323"/>
      <c r="G132" s="323"/>
      <c r="H132" s="323"/>
      <c r="I132" s="323"/>
    </row>
    <row r="133" spans="1:9">
      <c r="A133" s="28"/>
      <c r="B133" s="328"/>
      <c r="C133" s="329"/>
      <c r="D133" s="329"/>
      <c r="E133" s="323"/>
      <c r="F133" s="323"/>
      <c r="G133" s="323"/>
      <c r="H133" s="323"/>
      <c r="I133" s="323"/>
    </row>
    <row r="134" spans="1:9">
      <c r="A134" s="22">
        <v>7</v>
      </c>
      <c r="B134" s="27" t="s">
        <v>48</v>
      </c>
      <c r="C134" s="323"/>
      <c r="D134" s="323"/>
      <c r="E134" s="323"/>
      <c r="F134" s="323"/>
      <c r="G134" s="323"/>
      <c r="H134" s="323"/>
      <c r="I134" s="323"/>
    </row>
    <row r="135" spans="1:9">
      <c r="A135" s="28"/>
      <c r="B135" s="322" t="s">
        <v>65</v>
      </c>
      <c r="C135" s="323"/>
      <c r="D135" s="323"/>
      <c r="E135" s="323"/>
      <c r="F135" s="323"/>
      <c r="G135" s="323"/>
      <c r="H135" s="323"/>
      <c r="I135" s="323"/>
    </row>
    <row r="136" spans="1:9">
      <c r="A136" s="28"/>
      <c r="B136" s="322"/>
      <c r="C136" s="323"/>
      <c r="D136" s="323"/>
      <c r="E136" s="323"/>
      <c r="F136" s="323"/>
      <c r="G136" s="323"/>
      <c r="H136" s="323"/>
      <c r="I136" s="323"/>
    </row>
    <row r="137" spans="1:9">
      <c r="A137" s="22">
        <v>7</v>
      </c>
      <c r="B137" s="27" t="s">
        <v>509</v>
      </c>
      <c r="C137" s="323"/>
      <c r="D137" s="323"/>
      <c r="E137" s="323"/>
      <c r="F137" s="323"/>
      <c r="G137" s="323"/>
      <c r="H137" s="323"/>
      <c r="I137" s="323"/>
    </row>
    <row r="138" spans="1:9">
      <c r="A138" s="28"/>
      <c r="B138" s="328" t="s">
        <v>510</v>
      </c>
      <c r="C138" s="329"/>
      <c r="D138" s="329"/>
      <c r="E138" s="323"/>
      <c r="F138" s="323"/>
      <c r="G138" s="323"/>
      <c r="H138" s="323"/>
      <c r="I138" s="323"/>
    </row>
    <row r="139" spans="1:9">
      <c r="A139" s="28"/>
      <c r="B139" s="322"/>
      <c r="C139" s="323"/>
      <c r="D139" s="323"/>
      <c r="E139" s="323"/>
      <c r="F139" s="323"/>
      <c r="G139" s="323"/>
      <c r="H139" s="323"/>
      <c r="I139" s="323"/>
    </row>
    <row r="140" spans="1:9">
      <c r="A140" s="22">
        <v>7</v>
      </c>
      <c r="B140" s="27" t="s">
        <v>417</v>
      </c>
      <c r="C140" s="323"/>
      <c r="D140" s="323"/>
      <c r="E140" s="323"/>
      <c r="F140" s="323"/>
      <c r="G140" s="323"/>
      <c r="H140" s="323"/>
      <c r="I140" s="323"/>
    </row>
    <row r="141" spans="1:9">
      <c r="A141" s="28"/>
      <c r="B141" s="322" t="s">
        <v>66</v>
      </c>
      <c r="C141" s="323"/>
      <c r="D141" s="323"/>
      <c r="E141" s="323"/>
      <c r="F141" s="323"/>
      <c r="G141" s="323"/>
      <c r="H141" s="323"/>
      <c r="I141" s="323"/>
    </row>
    <row r="142" spans="1:9">
      <c r="A142" s="22"/>
      <c r="B142" s="322"/>
      <c r="C142" s="323"/>
      <c r="D142" s="323"/>
      <c r="E142" s="323"/>
      <c r="F142" s="323"/>
      <c r="G142" s="323"/>
      <c r="H142" s="323"/>
      <c r="I142" s="323"/>
    </row>
    <row r="143" spans="1:9">
      <c r="A143" s="22">
        <v>7</v>
      </c>
      <c r="B143" s="27" t="s">
        <v>511</v>
      </c>
      <c r="C143" s="323"/>
      <c r="D143" s="323"/>
      <c r="E143" s="323"/>
      <c r="F143" s="323"/>
      <c r="G143" s="323"/>
      <c r="H143" s="323"/>
      <c r="I143" s="323"/>
    </row>
    <row r="144" spans="1:9">
      <c r="A144" s="28"/>
      <c r="B144" s="328" t="s">
        <v>512</v>
      </c>
      <c r="C144" s="329"/>
      <c r="D144" s="329"/>
      <c r="E144" s="323"/>
      <c r="F144" s="323"/>
      <c r="G144" s="323"/>
      <c r="H144" s="323"/>
      <c r="I144" s="323"/>
    </row>
    <row r="145" spans="1:9">
      <c r="A145" s="22"/>
      <c r="B145" s="322"/>
      <c r="C145" s="323"/>
      <c r="D145" s="323"/>
      <c r="E145" s="323"/>
      <c r="F145" s="323"/>
      <c r="G145" s="323"/>
      <c r="H145" s="323"/>
      <c r="I145" s="323"/>
    </row>
    <row r="146" spans="1:9">
      <c r="A146" s="22">
        <v>7</v>
      </c>
      <c r="B146" s="27" t="s">
        <v>238</v>
      </c>
      <c r="C146" s="323"/>
      <c r="D146" s="323"/>
      <c r="E146" s="323"/>
      <c r="F146" s="323"/>
      <c r="G146" s="323"/>
      <c r="H146" s="323"/>
      <c r="I146" s="323"/>
    </row>
    <row r="147" spans="1:9">
      <c r="A147" s="22"/>
      <c r="B147" s="322" t="s">
        <v>341</v>
      </c>
      <c r="C147" s="323"/>
      <c r="D147" s="323"/>
      <c r="E147" s="323"/>
      <c r="F147" s="323"/>
      <c r="G147" s="323"/>
      <c r="H147" s="323"/>
      <c r="I147" s="323"/>
    </row>
    <row r="148" spans="1:9">
      <c r="A148" s="22"/>
      <c r="B148" s="322"/>
      <c r="C148" s="323"/>
      <c r="D148" s="323"/>
      <c r="E148" s="323"/>
      <c r="F148" s="323"/>
      <c r="G148" s="323"/>
      <c r="H148" s="323"/>
      <c r="I148" s="323"/>
    </row>
    <row r="149" spans="1:9">
      <c r="A149" s="22">
        <v>7</v>
      </c>
      <c r="B149" s="27" t="s">
        <v>423</v>
      </c>
      <c r="C149" s="323"/>
      <c r="D149" s="323"/>
      <c r="E149" s="323"/>
      <c r="F149" s="323"/>
      <c r="G149" s="323"/>
      <c r="H149" s="323"/>
      <c r="I149" s="323"/>
    </row>
    <row r="150" spans="1:9">
      <c r="A150" s="28"/>
      <c r="B150" s="328" t="s">
        <v>513</v>
      </c>
      <c r="C150" s="329"/>
      <c r="D150" s="329"/>
      <c r="E150" s="323"/>
      <c r="F150" s="323"/>
      <c r="G150" s="323"/>
      <c r="H150" s="323"/>
      <c r="I150" s="323"/>
    </row>
    <row r="151" spans="1:9">
      <c r="A151" s="22"/>
      <c r="B151" s="322"/>
      <c r="C151" s="323"/>
      <c r="D151" s="323"/>
      <c r="E151" s="323"/>
      <c r="F151" s="323"/>
      <c r="G151" s="323"/>
      <c r="H151" s="323"/>
      <c r="I151" s="323"/>
    </row>
    <row r="152" spans="1:9">
      <c r="A152" s="22">
        <v>7</v>
      </c>
      <c r="B152" s="27" t="s">
        <v>426</v>
      </c>
      <c r="C152" s="323"/>
      <c r="D152" s="323"/>
      <c r="E152" s="323"/>
      <c r="F152" s="323"/>
      <c r="G152" s="323"/>
      <c r="H152" s="323"/>
      <c r="I152" s="323"/>
    </row>
    <row r="153" spans="1:9">
      <c r="A153" s="28"/>
      <c r="B153" s="322" t="s">
        <v>522</v>
      </c>
      <c r="C153" s="323"/>
      <c r="D153" s="323"/>
      <c r="E153" s="323"/>
      <c r="F153" s="323"/>
      <c r="G153" s="323"/>
      <c r="H153" s="323"/>
      <c r="I153" s="323"/>
    </row>
    <row r="154" spans="1:9">
      <c r="A154" s="28"/>
      <c r="B154" s="322"/>
      <c r="C154" s="323"/>
      <c r="D154" s="323"/>
      <c r="E154" s="323"/>
      <c r="F154" s="323"/>
      <c r="G154" s="323"/>
      <c r="H154" s="323"/>
      <c r="I154" s="323"/>
    </row>
    <row r="155" spans="1:9">
      <c r="A155" s="22">
        <v>7</v>
      </c>
      <c r="B155" s="27" t="s">
        <v>15</v>
      </c>
      <c r="C155" s="323"/>
      <c r="D155" s="323"/>
      <c r="E155" s="323"/>
      <c r="F155" s="323"/>
      <c r="G155" s="323"/>
      <c r="H155" s="323"/>
      <c r="I155" s="323"/>
    </row>
    <row r="156" spans="1:9">
      <c r="A156" s="28"/>
      <c r="B156" s="328" t="s">
        <v>26</v>
      </c>
      <c r="C156" s="329"/>
      <c r="D156" s="329"/>
      <c r="E156" s="323"/>
      <c r="F156" s="323"/>
      <c r="G156" s="323"/>
      <c r="H156" s="323"/>
      <c r="I156" s="323"/>
    </row>
    <row r="157" spans="1:9">
      <c r="A157" s="22"/>
      <c r="B157" s="322"/>
      <c r="C157" s="323"/>
      <c r="D157" s="323"/>
      <c r="E157" s="323"/>
      <c r="F157" s="323"/>
      <c r="G157" s="323"/>
      <c r="H157" s="323"/>
      <c r="I157" s="323"/>
    </row>
    <row r="158" spans="1:9">
      <c r="A158" s="22">
        <v>7</v>
      </c>
      <c r="B158" s="27" t="s">
        <v>67</v>
      </c>
      <c r="C158" s="323"/>
      <c r="D158" s="323"/>
      <c r="E158" s="323"/>
      <c r="F158" s="323"/>
      <c r="G158" s="323"/>
      <c r="H158" s="323"/>
      <c r="I158" s="323"/>
    </row>
    <row r="159" spans="1:9">
      <c r="A159" s="28"/>
      <c r="B159" s="322" t="s">
        <v>523</v>
      </c>
      <c r="C159" s="323"/>
      <c r="D159" s="323"/>
      <c r="E159" s="323"/>
      <c r="F159" s="323"/>
      <c r="G159" s="323"/>
      <c r="H159" s="323"/>
      <c r="I159" s="323"/>
    </row>
    <row r="160" spans="1:9">
      <c r="A160" s="28"/>
      <c r="B160" s="322"/>
      <c r="C160" s="323"/>
      <c r="D160" s="323"/>
      <c r="E160" s="323"/>
      <c r="F160" s="323"/>
      <c r="G160" s="323"/>
      <c r="H160" s="323"/>
      <c r="I160" s="323"/>
    </row>
    <row r="161" spans="1:9">
      <c r="A161" s="22">
        <v>7</v>
      </c>
      <c r="B161" s="248" t="s">
        <v>49</v>
      </c>
      <c r="C161" s="22"/>
      <c r="D161" s="22"/>
      <c r="E161" s="323"/>
      <c r="F161" s="323"/>
      <c r="G161" s="323"/>
      <c r="H161" s="323"/>
      <c r="I161" s="323"/>
    </row>
    <row r="162" spans="1:9">
      <c r="A162" s="22"/>
      <c r="B162" s="22" t="s">
        <v>27</v>
      </c>
      <c r="C162" s="22"/>
      <c r="D162" s="22"/>
      <c r="E162" s="323"/>
      <c r="F162" s="323"/>
      <c r="G162" s="323"/>
      <c r="H162" s="323"/>
      <c r="I162" s="323"/>
    </row>
    <row r="163" spans="1:9">
      <c r="A163" s="22"/>
      <c r="B163" s="22"/>
      <c r="C163" s="22"/>
      <c r="D163" s="22"/>
      <c r="E163" s="323"/>
      <c r="F163" s="323"/>
      <c r="G163" s="323"/>
      <c r="H163" s="323"/>
      <c r="I163" s="323"/>
    </row>
    <row r="164" spans="1:9">
      <c r="A164" s="22">
        <v>7</v>
      </c>
      <c r="B164" s="248" t="s">
        <v>50</v>
      </c>
      <c r="C164" s="22"/>
      <c r="D164" s="22"/>
      <c r="E164" s="323"/>
      <c r="F164" s="323"/>
      <c r="G164" s="323"/>
      <c r="H164" s="323"/>
      <c r="I164" s="323"/>
    </row>
    <row r="165" spans="1:9">
      <c r="A165" s="22"/>
      <c r="B165" s="22" t="s">
        <v>524</v>
      </c>
      <c r="C165" s="22"/>
      <c r="D165" s="22"/>
      <c r="E165" s="323"/>
      <c r="F165" s="323"/>
      <c r="G165" s="323"/>
      <c r="H165" s="323"/>
      <c r="I165" s="323"/>
    </row>
    <row r="166" spans="1:9">
      <c r="A166" s="28"/>
      <c r="B166" s="322"/>
      <c r="C166" s="323"/>
      <c r="D166" s="323"/>
      <c r="E166" s="323"/>
      <c r="F166" s="323"/>
      <c r="G166" s="323"/>
      <c r="H166" s="323"/>
      <c r="I166" s="323"/>
    </row>
    <row r="167" spans="1:9">
      <c r="A167" s="22">
        <v>7</v>
      </c>
      <c r="B167" s="248" t="s">
        <v>16</v>
      </c>
      <c r="C167" s="323"/>
      <c r="D167" s="323"/>
      <c r="E167" s="323"/>
      <c r="F167" s="323"/>
      <c r="G167" s="323"/>
      <c r="H167" s="323"/>
      <c r="I167" s="323"/>
    </row>
    <row r="168" spans="1:9">
      <c r="A168" s="28"/>
      <c r="B168" s="328" t="s">
        <v>28</v>
      </c>
      <c r="C168" s="329"/>
      <c r="D168" s="329"/>
      <c r="E168" s="323"/>
      <c r="F168" s="323"/>
      <c r="G168" s="323"/>
      <c r="H168" s="323"/>
      <c r="I168" s="323"/>
    </row>
    <row r="169" spans="1:9">
      <c r="A169" s="28"/>
      <c r="B169" s="322"/>
      <c r="C169" s="323"/>
      <c r="D169" s="323"/>
      <c r="E169" s="323"/>
      <c r="F169" s="323"/>
      <c r="G169" s="323"/>
      <c r="H169" s="323"/>
      <c r="I169" s="323"/>
    </row>
    <row r="170" spans="1:9">
      <c r="A170" s="22">
        <v>7</v>
      </c>
      <c r="B170" s="27" t="s">
        <v>51</v>
      </c>
      <c r="C170" s="323"/>
      <c r="D170" s="323"/>
      <c r="E170" s="323"/>
      <c r="F170" s="323"/>
      <c r="G170" s="323"/>
      <c r="H170" s="323"/>
      <c r="I170" s="323"/>
    </row>
    <row r="171" spans="1:9">
      <c r="A171" s="28"/>
      <c r="B171" s="22" t="s">
        <v>525</v>
      </c>
      <c r="C171" s="323"/>
      <c r="D171" s="323"/>
      <c r="E171" s="323"/>
      <c r="F171" s="323"/>
      <c r="G171" s="323"/>
      <c r="H171" s="323"/>
      <c r="I171" s="323"/>
    </row>
    <row r="172" spans="1:9">
      <c r="A172" s="28"/>
      <c r="B172" s="322"/>
      <c r="C172" s="323"/>
      <c r="D172" s="323"/>
      <c r="E172" s="323"/>
      <c r="F172" s="323"/>
      <c r="G172" s="323"/>
      <c r="H172" s="323"/>
      <c r="I172" s="323"/>
    </row>
    <row r="173" spans="1:9">
      <c r="A173" s="330" t="s">
        <v>52</v>
      </c>
      <c r="B173" s="330"/>
      <c r="C173" s="322"/>
      <c r="D173" s="322"/>
      <c r="E173" s="323"/>
      <c r="F173" s="323"/>
      <c r="G173" s="323"/>
      <c r="H173" s="323"/>
      <c r="I173" s="323"/>
    </row>
    <row r="174" spans="1:9">
      <c r="A174" s="28"/>
      <c r="B174" s="27"/>
      <c r="C174" s="323"/>
      <c r="D174" s="323"/>
      <c r="E174" s="323"/>
      <c r="F174" s="323"/>
      <c r="G174" s="323"/>
      <c r="H174" s="323"/>
      <c r="I174" s="323"/>
    </row>
    <row r="175" spans="1:9">
      <c r="A175" s="22">
        <v>8</v>
      </c>
      <c r="B175" s="229" t="s">
        <v>17</v>
      </c>
      <c r="C175" s="323"/>
      <c r="D175" s="323"/>
      <c r="E175" s="323"/>
      <c r="F175" s="323"/>
      <c r="G175" s="323"/>
      <c r="H175" s="323"/>
      <c r="I175" s="323"/>
    </row>
    <row r="176" spans="1:9">
      <c r="A176" s="28"/>
      <c r="B176" s="328" t="s">
        <v>29</v>
      </c>
      <c r="C176" s="329"/>
      <c r="D176" s="329"/>
      <c r="E176" s="323"/>
      <c r="F176" s="323"/>
      <c r="G176" s="323"/>
      <c r="H176" s="323"/>
      <c r="I176" s="323"/>
    </row>
    <row r="177" spans="1:9">
      <c r="A177" s="28"/>
      <c r="B177" s="328"/>
      <c r="C177" s="329"/>
      <c r="D177" s="329"/>
      <c r="E177" s="323"/>
      <c r="F177" s="323"/>
      <c r="G177" s="323"/>
      <c r="H177" s="323"/>
      <c r="I177" s="323"/>
    </row>
    <row r="178" spans="1:9">
      <c r="A178" s="21">
        <v>8</v>
      </c>
      <c r="B178" s="23" t="s">
        <v>53</v>
      </c>
      <c r="C178" s="323"/>
      <c r="D178" s="323"/>
      <c r="E178" s="323"/>
      <c r="F178" s="323"/>
      <c r="G178" s="323"/>
      <c r="H178" s="323"/>
      <c r="I178" s="323"/>
    </row>
    <row r="179" spans="1:9">
      <c r="A179" s="21"/>
      <c r="B179" s="22" t="s">
        <v>526</v>
      </c>
      <c r="C179" s="323"/>
      <c r="D179" s="323"/>
      <c r="E179" s="323"/>
      <c r="F179" s="323"/>
      <c r="G179" s="323"/>
      <c r="H179" s="323"/>
      <c r="I179" s="323"/>
    </row>
    <row r="180" spans="1:9">
      <c r="A180" s="21"/>
      <c r="B180" s="323"/>
      <c r="C180" s="323"/>
      <c r="D180" s="323"/>
      <c r="E180" s="323"/>
      <c r="F180" s="323"/>
      <c r="G180" s="323"/>
      <c r="H180" s="323"/>
      <c r="I180" s="323"/>
    </row>
    <row r="181" spans="1:9">
      <c r="A181" s="21"/>
      <c r="B181" s="323"/>
      <c r="C181" s="323"/>
      <c r="D181" s="323"/>
      <c r="E181" s="323"/>
      <c r="F181" s="323"/>
      <c r="G181" s="323"/>
      <c r="H181" s="323"/>
      <c r="I181" s="323"/>
    </row>
  </sheetData>
  <mergeCells count="47">
    <mergeCell ref="B119:D119"/>
    <mergeCell ref="B78:D78"/>
    <mergeCell ref="B93:D93"/>
    <mergeCell ref="B72:E72"/>
    <mergeCell ref="B104:D104"/>
    <mergeCell ref="B92:D92"/>
    <mergeCell ref="B103:D103"/>
    <mergeCell ref="B73:E73"/>
    <mergeCell ref="B95:D95"/>
    <mergeCell ref="B81:D81"/>
    <mergeCell ref="B98:D98"/>
    <mergeCell ref="B68:C68"/>
    <mergeCell ref="B109:D109"/>
    <mergeCell ref="B110:D110"/>
    <mergeCell ref="B86:D86"/>
    <mergeCell ref="B69:E69"/>
    <mergeCell ref="A83:B83"/>
    <mergeCell ref="A100:B100"/>
    <mergeCell ref="A1:D1"/>
    <mergeCell ref="B8:F8"/>
    <mergeCell ref="B64:D64"/>
    <mergeCell ref="B65:D65"/>
    <mergeCell ref="B47:E47"/>
    <mergeCell ref="B11:D11"/>
    <mergeCell ref="B28:G28"/>
    <mergeCell ref="A42:C42"/>
    <mergeCell ref="B56:C56"/>
    <mergeCell ref="B31:G31"/>
    <mergeCell ref="A5:B5"/>
    <mergeCell ref="A25:B25"/>
    <mergeCell ref="A44:B44"/>
    <mergeCell ref="A61:B61"/>
    <mergeCell ref="B177:D177"/>
    <mergeCell ref="B130:D130"/>
    <mergeCell ref="B121:D121"/>
    <mergeCell ref="B129:D129"/>
    <mergeCell ref="B168:D168"/>
    <mergeCell ref="B176:D176"/>
    <mergeCell ref="B156:D156"/>
    <mergeCell ref="B124:D124"/>
    <mergeCell ref="B132:D132"/>
    <mergeCell ref="B133:D133"/>
    <mergeCell ref="B138:D138"/>
    <mergeCell ref="B144:D144"/>
    <mergeCell ref="B150:D150"/>
    <mergeCell ref="A126:B126"/>
    <mergeCell ref="A173:B173"/>
  </mergeCells>
  <hyperlinks>
    <hyperlink ref="A46:B46" location="'02'!A29" display="'02'!A29" xr:uid="{00000000-0004-0000-0300-000000000000}"/>
    <hyperlink ref="A55:B55" location="'02'!A42" display="'02'!A42" xr:uid="{00000000-0004-0000-0300-000001000000}"/>
    <hyperlink ref="A71:B71" location="'02'!A55" display="'02'!A55" xr:uid="{00000000-0004-0000-0300-000002000000}"/>
    <hyperlink ref="A77:B77" location="'02'!A68" display="'02'!A68" xr:uid="{00000000-0004-0000-0300-000003000000}"/>
    <hyperlink ref="B7" location="'1 IndividualWellbeing'!A3" display="Global Life Satisfaction" xr:uid="{00000000-0004-0000-0300-000004000000}"/>
    <hyperlink ref="B63" location="'4 HumanCapital'!A3" display="General health" xr:uid="{00000000-0004-0000-0300-000005000000}"/>
    <hyperlink ref="B67" location="'4 HumanCapital'!A32" display="K6 psychological distress" xr:uid="{00000000-0004-0000-0300-000006000000}"/>
    <hyperlink ref="B46" location="'3 FinancialCapital'!A3" display="Household financial wellbeing" xr:uid="{00000000-0004-0000-0300-000007000000}"/>
    <hyperlink ref="B55" location="'3 FinancialCapital'!A90" display="Community economic wellbeing" xr:uid="{00000000-0004-0000-0300-000008000000}"/>
    <hyperlink ref="B71" location="'4 HumanCapital'!A61" display="Self-efficacy" xr:uid="{00000000-0004-0000-0300-000009000000}"/>
    <hyperlink ref="B77" location="'4 HumanCapital'!A119" display="Community leadership and collaboration" xr:uid="{00000000-0004-0000-0300-00000A000000}"/>
    <hyperlink ref="A85:B85" location="'02'!A68" display="'02'!A68" xr:uid="{00000000-0004-0000-0300-00000B000000}"/>
    <hyperlink ref="B85" location="'5 InstitutionalCapital'!A3" display="Having a say and being heard" xr:uid="{00000000-0004-0000-0300-00000C000000}"/>
    <hyperlink ref="A91:B91" location="'02'!A68" display="'02'!A68" xr:uid="{00000000-0004-0000-0300-00000D000000}"/>
    <hyperlink ref="B91" location="'5 InstitutionalCapital'!A61" display="Contributing to local governance" xr:uid="{00000000-0004-0000-0300-00000E000000}"/>
    <hyperlink ref="A102:B102" location="'02'!A68" display="'02'!A68" xr:uid="{00000000-0004-0000-0300-00000F000000}"/>
    <hyperlink ref="B102" location="'6 SocialCapital'!A3" display="Spending time with friends and family" xr:uid="{00000000-0004-0000-0300-000010000000}"/>
    <hyperlink ref="A108:B108" location="'02'!A68" display="'02'!A68" xr:uid="{00000000-0004-0000-0300-000011000000}"/>
    <hyperlink ref="B108" location="'6 SocialCapital'!A61" display="Getting involved in the community" xr:uid="{00000000-0004-0000-0300-000012000000}"/>
    <hyperlink ref="B120" location="'6 SocialCapital'!A177" display="Sense of belonging" xr:uid="{00000000-0004-0000-0300-000013000000}"/>
    <hyperlink ref="A128:B128" location="'02'!A68" display="'02'!A68" xr:uid="{00000000-0004-0000-0300-000014000000}"/>
    <hyperlink ref="B128" location="'7 PhysicalCapital'!A3" display="Access to health, education, aged care and child care " xr:uid="{00000000-0004-0000-0300-000015000000}"/>
    <hyperlink ref="B155" location="'7 PhysicalCapital'!A264" display="Access to telecommunications" xr:uid="{00000000-0004-0000-0300-000016000000}"/>
    <hyperlink ref="B161" location="'7 PhysicalCapital'!A322" display="Crime and safety in the local community" xr:uid="{00000000-0004-0000-0300-000017000000}"/>
    <hyperlink ref="B167" location="'7 PhysicalCapital'!A380" display="Landscape and aesthetics" xr:uid="{00000000-0004-0000-0300-000018000000}"/>
    <hyperlink ref="B175" location="'8 NaturalCapital'!A3" display="Perceived environmental health" xr:uid="{00000000-0004-0000-0300-000019000000}"/>
    <hyperlink ref="B10" location="'1 IndividualWellbeing'!A32" display="Personal Wellbeing Index" xr:uid="{00000000-0004-0000-0300-00001A000000}"/>
    <hyperlink ref="B27" location="'2 CommunityWellbeing'!A3" display="Community wellbeing measures" xr:uid="{00000000-0004-0000-0300-00001B000000}"/>
    <hyperlink ref="B13" location="'1 IndividualWellbeing'!A61" display="Personal wellbeing domains" xr:uid="{00000000-0004-0000-0300-00001C000000}"/>
    <hyperlink ref="B16" location="'1 IndividualWellbeing'!A90" display="Eudaimonic wellbeing" xr:uid="{00000000-0004-0000-0300-00001D000000}"/>
    <hyperlink ref="B33" location="'2 CommunityWellbeing'!A61" display="Changes in community liveability" xr:uid="{00000000-0004-0000-0300-00001E000000}"/>
    <hyperlink ref="B36" location="'2 CommunityWellbeing'!A90" display="Migration" xr:uid="{00000000-0004-0000-0300-00001F000000}"/>
    <hyperlink ref="A5" location="'1 IndividualWellbeing'!A1" display="Wellbeing of people" xr:uid="{00000000-0004-0000-0300-000020000000}"/>
    <hyperlink ref="A44" location="'3 FinancialCapital'!A1" display="Financial capital" xr:uid="{00000000-0004-0000-0300-000021000000}"/>
    <hyperlink ref="A61" location="'4 HumanCapital'!A1" display="Human capital" xr:uid="{00000000-0004-0000-0300-000022000000}"/>
    <hyperlink ref="B49" location="'3 FinancialCapital'!A32" display="Household financial measures" xr:uid="{00000000-0004-0000-0300-000023000000}"/>
    <hyperlink ref="B52" location="'3 FinancialCapital'!A61" display="Financial distress" xr:uid="{00000000-0004-0000-0300-000024000000}"/>
    <hyperlink ref="B58" location="'3 FinancialCapital'!A119" display="Community economic measures" xr:uid="{00000000-0004-0000-0300-000025000000}"/>
    <hyperlink ref="B74" location="'4 HumanCapital'!A90" display="Self-efficacy measures" xr:uid="{00000000-0004-0000-0300-000026000000}"/>
    <hyperlink ref="A83" location="'5 InstitutionalCapital'!A1" display="Institutional Capital" xr:uid="{00000000-0004-0000-0300-000027000000}"/>
    <hyperlink ref="B88" location="'5 InstitutionalCapital'!A32" display="Having a say and being heard measures" xr:uid="{00000000-0004-0000-0300-000028000000}"/>
    <hyperlink ref="A100" location="'6 SocialCapital'!A1" display="Social capital" xr:uid="{00000000-0004-0000-0300-000029000000}"/>
    <hyperlink ref="B105" location="'6 SocialCapital'!A32" display="Spending time with friends and family measures" xr:uid="{00000000-0004-0000-0300-00002A000000}"/>
    <hyperlink ref="B111" location="'6 SocialCapital'!A90" display="Getting involved measures" xr:uid="{00000000-0004-0000-0300-00002B000000}"/>
    <hyperlink ref="B117" location="'6 SocialCapital'!A148" display="Volunteering" xr:uid="{00000000-0004-0000-0300-00002C000000}"/>
    <hyperlink ref="A126" location="'7 PhysicalCapital'!A1" display="Physical capital" xr:uid="{00000000-0004-0000-0300-00002D000000}"/>
    <hyperlink ref="B134" location="'7 PhysicalCapital'!A61" display="Access to roads and public transport " xr:uid="{00000000-0004-0000-0300-00002E000000}"/>
    <hyperlink ref="B140" location="'7 PhysicalCapital'!A119" display="Access to food" xr:uid="{00000000-0004-0000-0300-00002F000000}"/>
    <hyperlink ref="B146" location="'7 PhysicalCapital'!A177" display="Access to local government services" xr:uid="{00000000-0004-0000-0300-000030000000}"/>
    <hyperlink ref="B158" location="'7 PhysicalCapital'!A293" display="Access to telecommunications measures" xr:uid="{00000000-0004-0000-0300-000031000000}"/>
    <hyperlink ref="B164" location="'7 PhysicalCapital'!A351" display="Crime and safety in the local community measures" xr:uid="{00000000-0004-0000-0300-000032000000}"/>
    <hyperlink ref="B170" location="'7 PhysicalCapital'!A409" display="Landscape and aesthetics measures" xr:uid="{00000000-0004-0000-0300-000033000000}"/>
    <hyperlink ref="A173" location="'8 NaturalCapital'!A1" display="Natural capital" xr:uid="{00000000-0004-0000-0300-000034000000}"/>
    <hyperlink ref="B178" location="'8 NaturalCapital'!A32" display="Perceived environmental health measures" xr:uid="{00000000-0004-0000-0300-000035000000}"/>
    <hyperlink ref="B94" location="'5 InstitutionalCapital'!A90" display="Equity and inclusion" xr:uid="{00000000-0004-0000-0300-000036000000}"/>
    <hyperlink ref="B114" location="'6 SocialCapital'!A119" display="Quality of community events" xr:uid="{00000000-0004-0000-0300-000037000000}"/>
    <hyperlink ref="B19" location="'1 IndividualWellbeing'!A119" display="Eudaimonic wellbeing domains" xr:uid="{00000000-0004-0000-0300-000038000000}"/>
    <hyperlink ref="A25" location="'2 CommunityWellbeing'!A1" display="Wellbeing of communities" xr:uid="{00000000-0004-0000-0300-000039000000}"/>
    <hyperlink ref="B22" location="'1 IndividualWellbeing'!A148" display="Emotional Affect Index " xr:uid="{00000000-0004-0000-0300-00003A000000}"/>
    <hyperlink ref="B30" location="'2 CommunityWellbeing'!A32" display="Community wellbeing domains" xr:uid="{00000000-0004-0000-0300-00003B000000}"/>
    <hyperlink ref="B39" location="'2 CommunityWellbeing'!A119" display="Would recommend community" xr:uid="{00000000-0004-0000-0300-00003C000000}"/>
    <hyperlink ref="A80:B80" location="'02'!A68" display="'02'!A68" xr:uid="{00000000-0004-0000-0300-00003D000000}"/>
    <hyperlink ref="B80" location="'4 HumanCapital'!A148" display="Community leadership and collaboration measures" xr:uid="{00000000-0004-0000-0300-00003E000000}"/>
    <hyperlink ref="B97" location="'5 InstitutionalCapital'!A119" display="Equity and inclusion measures" xr:uid="{00000000-0004-0000-0300-00003F000000}"/>
    <hyperlink ref="B123" location="'6 SocialCapital'!A206" display="Sense of belonging measures" xr:uid="{00000000-0004-0000-0300-000040000000}"/>
    <hyperlink ref="A131:B131" location="'02'!A68" display="'02'!A68" xr:uid="{00000000-0004-0000-0300-000041000000}"/>
    <hyperlink ref="B131" location="'7 PhysicalCapital'!A32" display="Access to health and education services measures" xr:uid="{00000000-0004-0000-0300-000042000000}"/>
    <hyperlink ref="B137" location="'7 PhysicalCapital'!A90" display="Access to roads and public transport " xr:uid="{00000000-0004-0000-0300-000043000000}"/>
    <hyperlink ref="B143" location="'7 PhysicalCapital'!A148" display="Access to food measures" xr:uid="{00000000-0004-0000-0300-000044000000}"/>
    <hyperlink ref="B149" location="'7 PhysicalCapital'!A206" display="Access to financial and professional services" xr:uid="{00000000-0004-0000-0300-000045000000}"/>
    <hyperlink ref="B152" location="'7 PhysicalCapital'!A235" display="Access to financial and professional services measures" xr:uid="{00000000-0004-0000-0300-000046000000}"/>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204"/>
  <sheetViews>
    <sheetView zoomScaleNormal="100" zoomScalePageLayoutView="75" workbookViewId="0"/>
  </sheetViews>
  <sheetFormatPr defaultColWidth="20.28515625" defaultRowHeight="15"/>
  <cols>
    <col min="1" max="1" width="47" style="1" customWidth="1"/>
    <col min="2" max="4" width="20.28515625" style="1" customWidth="1"/>
    <col min="5" max="6" width="20.28515625" style="5" customWidth="1"/>
    <col min="7" max="16384" width="20.28515625" style="1"/>
  </cols>
  <sheetData>
    <row r="1" spans="1:8" ht="31.5">
      <c r="A1" s="30" t="s">
        <v>59</v>
      </c>
    </row>
    <row r="3" spans="1:8" ht="18.75">
      <c r="A3" s="344" t="s">
        <v>68</v>
      </c>
      <c r="B3" s="344"/>
      <c r="C3" s="344"/>
      <c r="D3" s="344"/>
      <c r="E3" s="344"/>
      <c r="F3" s="344"/>
      <c r="G3" s="344"/>
      <c r="H3" s="344"/>
    </row>
    <row r="4" spans="1:8" ht="43.5" customHeight="1">
      <c r="A4" s="347" t="s">
        <v>69</v>
      </c>
      <c r="B4" s="347"/>
      <c r="C4" s="347"/>
      <c r="D4" s="347"/>
      <c r="E4" s="347"/>
      <c r="F4" s="347"/>
      <c r="G4" s="347"/>
      <c r="H4" s="347"/>
    </row>
    <row r="5" spans="1:8" ht="40.5" customHeight="1">
      <c r="A5" s="338" t="s">
        <v>70</v>
      </c>
      <c r="B5" s="339"/>
      <c r="C5" s="339"/>
      <c r="D5" s="339"/>
      <c r="E5" s="339"/>
      <c r="F5" s="339"/>
      <c r="G5" s="339"/>
      <c r="H5" s="339"/>
    </row>
    <row r="6" spans="1:8" ht="45" customHeight="1">
      <c r="A6" s="32" t="s">
        <v>71</v>
      </c>
      <c r="B6" s="33" t="s">
        <v>72</v>
      </c>
      <c r="C6" s="34" t="s">
        <v>592</v>
      </c>
      <c r="D6" s="35" t="s">
        <v>73</v>
      </c>
      <c r="E6" s="33" t="s">
        <v>331</v>
      </c>
      <c r="F6" s="35" t="s">
        <v>335</v>
      </c>
      <c r="G6" s="34" t="s">
        <v>333</v>
      </c>
      <c r="H6" s="35" t="s">
        <v>336</v>
      </c>
    </row>
    <row r="7" spans="1:8" ht="60">
      <c r="A7" s="36"/>
      <c r="B7" s="37" t="s">
        <v>74</v>
      </c>
      <c r="C7" s="38" t="s">
        <v>75</v>
      </c>
      <c r="D7" s="39" t="s">
        <v>76</v>
      </c>
      <c r="E7" s="37" t="s">
        <v>332</v>
      </c>
      <c r="F7" s="86" t="s">
        <v>88</v>
      </c>
      <c r="G7" s="123" t="s">
        <v>334</v>
      </c>
      <c r="H7" s="86" t="s">
        <v>88</v>
      </c>
    </row>
    <row r="8" spans="1:8">
      <c r="A8" s="40" t="s">
        <v>350</v>
      </c>
      <c r="B8" s="41">
        <v>13603</v>
      </c>
      <c r="C8" s="42">
        <v>69.414645476983182</v>
      </c>
      <c r="D8" s="43">
        <v>0.35037310145591</v>
      </c>
      <c r="E8" s="269">
        <v>0.25018988080187143</v>
      </c>
      <c r="F8" s="262">
        <v>7.4268009015894436E-3</v>
      </c>
      <c r="G8" s="269">
        <v>0.35384439625459785</v>
      </c>
      <c r="H8" s="262">
        <v>8.1985197592878839E-3</v>
      </c>
    </row>
    <row r="9" spans="1:8">
      <c r="A9" s="44" t="s">
        <v>351</v>
      </c>
      <c r="B9" s="45">
        <v>10078</v>
      </c>
      <c r="C9" s="46">
        <v>70.952475882326496</v>
      </c>
      <c r="D9" s="47">
        <v>0.39666146567503169</v>
      </c>
      <c r="E9" s="270">
        <v>0.2186499859839999</v>
      </c>
      <c r="F9" s="263">
        <v>8.2344385554779347E-3</v>
      </c>
      <c r="G9" s="270">
        <v>0.38470680343691377</v>
      </c>
      <c r="H9" s="263">
        <v>9.6910829926267501E-3</v>
      </c>
    </row>
    <row r="10" spans="1:8" s="5" customFormat="1">
      <c r="A10" s="40" t="s">
        <v>352</v>
      </c>
      <c r="B10" s="41">
        <v>3525</v>
      </c>
      <c r="C10" s="42">
        <v>68.111747174470864</v>
      </c>
      <c r="D10" s="43">
        <v>0.72343117209105501</v>
      </c>
      <c r="E10" s="269">
        <v>0.27691147199739036</v>
      </c>
      <c r="F10" s="262">
        <v>1.5069284269508867E-2</v>
      </c>
      <c r="G10" s="269">
        <v>0.32769679389896594</v>
      </c>
      <c r="H10" s="262">
        <v>1.5804804968703009E-2</v>
      </c>
    </row>
    <row r="11" spans="1:8" s="5" customFormat="1">
      <c r="A11" s="44" t="s">
        <v>534</v>
      </c>
      <c r="B11" s="45">
        <v>3141</v>
      </c>
      <c r="C11" s="46">
        <v>70.774777827816706</v>
      </c>
      <c r="D11" s="47">
        <v>0.70582371094997443</v>
      </c>
      <c r="E11" s="270">
        <v>0.24255392154590816</v>
      </c>
      <c r="F11" s="263">
        <v>1.5293212783908711E-2</v>
      </c>
      <c r="G11" s="270">
        <v>0.39224185323540361</v>
      </c>
      <c r="H11" s="263">
        <v>1.7413614184541768E-2</v>
      </c>
    </row>
    <row r="12" spans="1:8" s="5" customFormat="1">
      <c r="A12" s="40" t="s">
        <v>535</v>
      </c>
      <c r="B12" s="41">
        <v>2497</v>
      </c>
      <c r="C12" s="42">
        <v>73.346852051648057</v>
      </c>
      <c r="D12" s="43">
        <v>0.7720041212209473</v>
      </c>
      <c r="E12" s="269">
        <v>0.18009809972017909</v>
      </c>
      <c r="F12" s="262">
        <v>1.5384703485292653E-2</v>
      </c>
      <c r="G12" s="269">
        <v>0.44424433759018195</v>
      </c>
      <c r="H12" s="262">
        <v>1.9871689248450536E-2</v>
      </c>
    </row>
    <row r="13" spans="1:8" s="5" customFormat="1">
      <c r="A13" s="44" t="s">
        <v>536</v>
      </c>
      <c r="B13" s="45">
        <v>364</v>
      </c>
      <c r="C13" s="46">
        <v>70.979722701730836</v>
      </c>
      <c r="D13" s="47">
        <v>1.9982529490336896</v>
      </c>
      <c r="E13" s="270">
        <v>0.19126043776837906</v>
      </c>
      <c r="F13" s="263">
        <v>4.1275953277800197E-2</v>
      </c>
      <c r="G13" s="270">
        <v>0.36102635507925629</v>
      </c>
      <c r="H13" s="263">
        <v>5.0119846220359851E-2</v>
      </c>
    </row>
    <row r="14" spans="1:8" s="5" customFormat="1">
      <c r="A14" s="40" t="s">
        <v>537</v>
      </c>
      <c r="B14" s="41">
        <v>85</v>
      </c>
      <c r="C14" s="42">
        <v>75.23057617239661</v>
      </c>
      <c r="D14" s="43">
        <v>3.2086405317959406</v>
      </c>
      <c r="E14" s="269">
        <v>0.10917161206132066</v>
      </c>
      <c r="F14" s="262">
        <v>7.0527604832188479E-2</v>
      </c>
      <c r="G14" s="269">
        <v>0.38641514293817797</v>
      </c>
      <c r="H14" s="262">
        <v>0.10347492928280315</v>
      </c>
    </row>
    <row r="15" spans="1:8" s="5" customFormat="1">
      <c r="A15" s="44" t="s">
        <v>538</v>
      </c>
      <c r="B15" s="45">
        <v>64</v>
      </c>
      <c r="C15" s="46">
        <v>71.339303516749467</v>
      </c>
      <c r="D15" s="47">
        <v>5.1870905628246398</v>
      </c>
      <c r="E15" s="270">
        <v>0.15750661114076439</v>
      </c>
      <c r="F15" s="263">
        <v>9.2702113941701497E-2</v>
      </c>
      <c r="G15" s="270">
        <v>0.33589169442819899</v>
      </c>
      <c r="H15" s="263">
        <v>0.11533676811117696</v>
      </c>
    </row>
    <row r="16" spans="1:8" s="5" customFormat="1">
      <c r="A16" s="40" t="s">
        <v>539</v>
      </c>
      <c r="B16" s="41">
        <v>64</v>
      </c>
      <c r="C16" s="42">
        <v>65.977815641461078</v>
      </c>
      <c r="D16" s="43">
        <v>5.6096957893417301</v>
      </c>
      <c r="E16" s="269">
        <v>0.28585872042240296</v>
      </c>
      <c r="F16" s="262">
        <v>0.11097952124542869</v>
      </c>
      <c r="G16" s="269">
        <v>0.38383168305215493</v>
      </c>
      <c r="H16" s="262">
        <v>0.11833300036598403</v>
      </c>
    </row>
    <row r="17" spans="1:8" s="5" customFormat="1">
      <c r="A17" s="44" t="s">
        <v>540</v>
      </c>
      <c r="B17" s="45">
        <v>76</v>
      </c>
      <c r="C17" s="46">
        <v>72.852409780356609</v>
      </c>
      <c r="D17" s="47">
        <v>3.8779902930299768</v>
      </c>
      <c r="E17" s="270">
        <v>0.14552114421376486</v>
      </c>
      <c r="F17" s="263">
        <v>8.2642642918905537E-2</v>
      </c>
      <c r="G17" s="270">
        <v>0.34987317234127524</v>
      </c>
      <c r="H17" s="263">
        <v>0.10715862002061653</v>
      </c>
    </row>
    <row r="18" spans="1:8" s="5" customFormat="1">
      <c r="A18" s="40" t="s">
        <v>541</v>
      </c>
      <c r="B18" s="41">
        <v>75</v>
      </c>
      <c r="C18" s="42">
        <v>69.788317495331896</v>
      </c>
      <c r="D18" s="43">
        <v>4.5220341619587439</v>
      </c>
      <c r="E18" s="269">
        <v>0.24774548365762819</v>
      </c>
      <c r="F18" s="262">
        <v>9.8764085782247366E-2</v>
      </c>
      <c r="G18" s="269">
        <v>0.34000244958828796</v>
      </c>
      <c r="H18" s="262">
        <v>0.1071914130909858</v>
      </c>
    </row>
    <row r="19" spans="1:8" s="5" customFormat="1">
      <c r="A19" s="44" t="s">
        <v>542</v>
      </c>
      <c r="B19" s="45">
        <v>604</v>
      </c>
      <c r="C19" s="46">
        <v>73.271401364337919</v>
      </c>
      <c r="D19" s="47">
        <v>1.6077640727555362</v>
      </c>
      <c r="E19" s="270">
        <v>0.1906708818923156</v>
      </c>
      <c r="F19" s="263">
        <v>3.1992018108557771E-2</v>
      </c>
      <c r="G19" s="270">
        <v>0.44311619717542799</v>
      </c>
      <c r="H19" s="263">
        <v>4.0295509479954535E-2</v>
      </c>
    </row>
    <row r="20" spans="1:8">
      <c r="A20" s="40" t="s">
        <v>543</v>
      </c>
      <c r="B20" s="41">
        <v>59</v>
      </c>
      <c r="C20" s="42">
        <v>73.186210322692588</v>
      </c>
      <c r="D20" s="43">
        <v>5.6148337448889585</v>
      </c>
      <c r="E20" s="269">
        <v>0.22243123259446143</v>
      </c>
      <c r="F20" s="262">
        <v>0.10762321492079341</v>
      </c>
      <c r="G20" s="269">
        <v>0.465567619743954</v>
      </c>
      <c r="H20" s="262">
        <v>0.12572587534169533</v>
      </c>
    </row>
    <row r="21" spans="1:8">
      <c r="A21" s="44" t="s">
        <v>550</v>
      </c>
      <c r="B21" s="45">
        <v>105</v>
      </c>
      <c r="C21" s="46">
        <v>69.960111698391771</v>
      </c>
      <c r="D21" s="47">
        <v>4.3995197406896525</v>
      </c>
      <c r="E21" s="270">
        <v>0.23672834504536638</v>
      </c>
      <c r="F21" s="263">
        <v>8.2547025408578154E-2</v>
      </c>
      <c r="G21" s="270">
        <v>0.40636189264419387</v>
      </c>
      <c r="H21" s="263">
        <v>9.4211089723279365E-2</v>
      </c>
    </row>
    <row r="22" spans="1:8">
      <c r="A22" s="52" t="s">
        <v>544</v>
      </c>
      <c r="B22" s="41">
        <v>121</v>
      </c>
      <c r="C22" s="42">
        <v>71.871511242578379</v>
      </c>
      <c r="D22" s="43">
        <v>3.7272844885681775</v>
      </c>
      <c r="E22" s="269">
        <v>0.24176869797691491</v>
      </c>
      <c r="F22" s="262">
        <v>7.7462981877113882E-2</v>
      </c>
      <c r="G22" s="269">
        <v>0.41792964595819193</v>
      </c>
      <c r="H22" s="262">
        <v>8.8306490732078885E-2</v>
      </c>
    </row>
    <row r="23" spans="1:8">
      <c r="A23" s="44" t="s">
        <v>545</v>
      </c>
      <c r="B23" s="45">
        <v>155</v>
      </c>
      <c r="C23" s="46">
        <v>72.986918027432267</v>
      </c>
      <c r="D23" s="47">
        <v>2.9995351794539995</v>
      </c>
      <c r="E23" s="270">
        <v>0.14698252557287081</v>
      </c>
      <c r="F23" s="263">
        <v>5.7532063265433898E-2</v>
      </c>
      <c r="G23" s="270">
        <v>0.44618362511394016</v>
      </c>
      <c r="H23" s="263">
        <v>7.8867404956692047E-2</v>
      </c>
    </row>
    <row r="24" spans="1:8">
      <c r="A24" s="52" t="s">
        <v>546</v>
      </c>
      <c r="B24" s="41">
        <v>70</v>
      </c>
      <c r="C24" s="42">
        <v>80.174941403246024</v>
      </c>
      <c r="D24" s="43">
        <v>3.5738486217262331</v>
      </c>
      <c r="E24" s="269">
        <v>6.1765013600635889E-2</v>
      </c>
      <c r="F24" s="262">
        <v>6.4995263515067278E-2</v>
      </c>
      <c r="G24" s="269">
        <v>0.54106542797461765</v>
      </c>
      <c r="H24" s="262">
        <v>0.11589627550976661</v>
      </c>
    </row>
    <row r="25" spans="1:8">
      <c r="A25" s="44" t="s">
        <v>547</v>
      </c>
      <c r="B25" s="45">
        <v>94</v>
      </c>
      <c r="C25" s="46">
        <v>74.856259802462503</v>
      </c>
      <c r="D25" s="47">
        <v>3.8053214524113708</v>
      </c>
      <c r="E25" s="270">
        <v>0.23086442739998231</v>
      </c>
      <c r="F25" s="263">
        <v>8.651019678409351E-2</v>
      </c>
      <c r="G25" s="270">
        <v>0.42349686108441376</v>
      </c>
      <c r="H25" s="263">
        <v>9.9921457552853199E-2</v>
      </c>
    </row>
    <row r="26" spans="1:8">
      <c r="A26" s="52" t="s">
        <v>551</v>
      </c>
      <c r="B26" s="41">
        <v>715</v>
      </c>
      <c r="C26" s="42">
        <v>69.817332791343745</v>
      </c>
      <c r="D26" s="43">
        <v>1.5976135794402708</v>
      </c>
      <c r="E26" s="269">
        <v>0.26630480767688025</v>
      </c>
      <c r="F26" s="262">
        <v>3.3020626318021988E-2</v>
      </c>
      <c r="G26" s="269">
        <v>0.37949384132039299</v>
      </c>
      <c r="H26" s="262">
        <v>3.6206746256376564E-2</v>
      </c>
    </row>
    <row r="27" spans="1:8">
      <c r="A27" s="44" t="s">
        <v>552</v>
      </c>
      <c r="B27" s="45">
        <v>199</v>
      </c>
      <c r="C27" s="46">
        <v>70.883319704110846</v>
      </c>
      <c r="D27" s="47">
        <v>2.9241005683021988</v>
      </c>
      <c r="E27" s="270">
        <v>0.23047672778789308</v>
      </c>
      <c r="F27" s="263">
        <v>5.9586716429016154E-2</v>
      </c>
      <c r="G27" s="270">
        <v>0.388723117171415</v>
      </c>
      <c r="H27" s="263">
        <v>6.849553287339559E-2</v>
      </c>
    </row>
    <row r="28" spans="1:8" s="5" customFormat="1">
      <c r="A28" s="52" t="s">
        <v>553</v>
      </c>
      <c r="B28" s="41">
        <v>260</v>
      </c>
      <c r="C28" s="42">
        <v>68.534847120103237</v>
      </c>
      <c r="D28" s="43">
        <v>2.6856160091257899</v>
      </c>
      <c r="E28" s="269">
        <v>0.28959972834356679</v>
      </c>
      <c r="F28" s="262">
        <v>5.6011771753458763E-2</v>
      </c>
      <c r="G28" s="269">
        <v>0.36209129411526786</v>
      </c>
      <c r="H28" s="262">
        <v>5.9231588410777421E-2</v>
      </c>
    </row>
    <row r="29" spans="1:8" s="5" customFormat="1">
      <c r="A29" s="44" t="s">
        <v>554</v>
      </c>
      <c r="B29" s="45">
        <v>230</v>
      </c>
      <c r="C29" s="46">
        <v>70.399020308897818</v>
      </c>
      <c r="D29" s="47">
        <v>2.9376616726383524</v>
      </c>
      <c r="E29" s="270">
        <v>0.26688985147260136</v>
      </c>
      <c r="F29" s="263">
        <v>5.8104175462152033E-2</v>
      </c>
      <c r="G29" s="270">
        <v>0.40282683458438356</v>
      </c>
      <c r="H29" s="263">
        <v>6.4168240605663063E-2</v>
      </c>
    </row>
    <row r="30" spans="1:8" s="5" customFormat="1"/>
    <row r="32" spans="1:8" ht="18.75">
      <c r="A32" s="344" t="s">
        <v>7</v>
      </c>
      <c r="B32" s="344"/>
      <c r="C32" s="344"/>
      <c r="D32" s="344"/>
      <c r="E32" s="344"/>
      <c r="F32" s="344"/>
      <c r="G32" s="344"/>
      <c r="H32" s="344"/>
    </row>
    <row r="33" spans="1:8" ht="73.5" customHeight="1">
      <c r="A33" s="348" t="s">
        <v>455</v>
      </c>
      <c r="B33" s="348"/>
      <c r="C33" s="348"/>
      <c r="D33" s="348"/>
      <c r="E33" s="348"/>
      <c r="F33" s="348"/>
      <c r="G33" s="348"/>
      <c r="H33" s="348"/>
    </row>
    <row r="34" spans="1:8" ht="39.75" customHeight="1">
      <c r="A34" s="338" t="s">
        <v>77</v>
      </c>
      <c r="B34" s="339"/>
      <c r="C34" s="339"/>
      <c r="D34" s="339"/>
      <c r="E34" s="339"/>
      <c r="F34" s="339"/>
      <c r="G34" s="339"/>
      <c r="H34" s="339"/>
    </row>
    <row r="35" spans="1:8" ht="45" customHeight="1">
      <c r="A35" s="32" t="s">
        <v>71</v>
      </c>
      <c r="B35" s="33" t="s">
        <v>72</v>
      </c>
      <c r="C35" s="34" t="s">
        <v>592</v>
      </c>
      <c r="D35" s="35" t="s">
        <v>73</v>
      </c>
      <c r="E35" s="33" t="s">
        <v>331</v>
      </c>
      <c r="F35" s="35" t="s">
        <v>335</v>
      </c>
      <c r="G35" s="34" t="s">
        <v>333</v>
      </c>
      <c r="H35" s="35" t="s">
        <v>336</v>
      </c>
    </row>
    <row r="36" spans="1:8" ht="67.5" customHeight="1">
      <c r="A36" s="36"/>
      <c r="B36" s="37" t="s">
        <v>74</v>
      </c>
      <c r="C36" s="38" t="s">
        <v>75</v>
      </c>
      <c r="D36" s="39" t="s">
        <v>76</v>
      </c>
      <c r="E36" s="37" t="s">
        <v>332</v>
      </c>
      <c r="F36" s="86" t="s">
        <v>88</v>
      </c>
      <c r="G36" s="123" t="s">
        <v>334</v>
      </c>
      <c r="H36" s="86" t="s">
        <v>88</v>
      </c>
    </row>
    <row r="37" spans="1:8">
      <c r="A37" s="40" t="s">
        <v>350</v>
      </c>
      <c r="B37" s="53">
        <v>13388</v>
      </c>
      <c r="C37" s="54">
        <v>68.207873174728974</v>
      </c>
      <c r="D37" s="55">
        <v>0.31219410610008241</v>
      </c>
      <c r="E37" s="264">
        <v>0.29200125744005584</v>
      </c>
      <c r="F37" s="265">
        <v>7.8585608336742812E-3</v>
      </c>
      <c r="G37" s="264">
        <v>0.29748781954773451</v>
      </c>
      <c r="H37" s="265">
        <v>7.9012217198860726E-3</v>
      </c>
    </row>
    <row r="38" spans="1:8" s="5" customFormat="1">
      <c r="A38" s="44" t="s">
        <v>351</v>
      </c>
      <c r="B38" s="56">
        <v>9889</v>
      </c>
      <c r="C38" s="57">
        <v>69.687648348819224</v>
      </c>
      <c r="D38" s="58">
        <v>0.35282419388633779</v>
      </c>
      <c r="E38" s="266">
        <v>0.26144549542372658</v>
      </c>
      <c r="F38" s="267">
        <v>8.8368927471551059E-3</v>
      </c>
      <c r="G38" s="266">
        <v>0.32979567643007823</v>
      </c>
      <c r="H38" s="267">
        <v>9.4539889739480489E-3</v>
      </c>
    </row>
    <row r="39" spans="1:8" s="5" customFormat="1">
      <c r="A39" s="40" t="s">
        <v>352</v>
      </c>
      <c r="B39" s="49">
        <v>3499</v>
      </c>
      <c r="C39" s="50">
        <v>66.961984852629868</v>
      </c>
      <c r="D39" s="51">
        <v>0.64258535087208368</v>
      </c>
      <c r="E39" s="268">
        <v>0.31772750811347128</v>
      </c>
      <c r="F39" s="265">
        <v>1.5735922680593154E-2</v>
      </c>
      <c r="G39" s="268">
        <v>0.27028640253078789</v>
      </c>
      <c r="H39" s="265">
        <v>1.5011732185328109E-2</v>
      </c>
    </row>
    <row r="40" spans="1:8" s="5" customFormat="1">
      <c r="A40" s="44" t="s">
        <v>534</v>
      </c>
      <c r="B40" s="56">
        <v>3086</v>
      </c>
      <c r="C40" s="57">
        <v>69.097346290942852</v>
      </c>
      <c r="D40" s="58">
        <v>0.61800145815892193</v>
      </c>
      <c r="E40" s="266">
        <v>0.27432372118406628</v>
      </c>
      <c r="F40" s="267">
        <v>1.6058226934181786E-2</v>
      </c>
      <c r="G40" s="266">
        <v>0.31797365136372846</v>
      </c>
      <c r="H40" s="267">
        <v>1.6758406503355409E-2</v>
      </c>
    </row>
    <row r="41" spans="1:8" s="5" customFormat="1">
      <c r="A41" s="40" t="s">
        <v>535</v>
      </c>
      <c r="B41" s="49">
        <v>2450</v>
      </c>
      <c r="C41" s="50">
        <v>72.011123239951132</v>
      </c>
      <c r="D41" s="51">
        <v>0.66895056730470359</v>
      </c>
      <c r="E41" s="268">
        <v>0.21068148433697406</v>
      </c>
      <c r="F41" s="265">
        <v>1.6477365953093438E-2</v>
      </c>
      <c r="G41" s="268">
        <v>0.37884144017357824</v>
      </c>
      <c r="H41" s="265">
        <v>1.9586949856557123E-2</v>
      </c>
    </row>
    <row r="42" spans="1:8" s="5" customFormat="1">
      <c r="A42" s="44" t="s">
        <v>536</v>
      </c>
      <c r="B42" s="56">
        <v>354</v>
      </c>
      <c r="C42" s="57">
        <v>69.32345795165017</v>
      </c>
      <c r="D42" s="58">
        <v>1.7290997471211669</v>
      </c>
      <c r="E42" s="266">
        <v>0.22204608261300623</v>
      </c>
      <c r="F42" s="267">
        <v>4.4150380287669579E-2</v>
      </c>
      <c r="G42" s="266">
        <v>0.25577657147339633</v>
      </c>
      <c r="H42" s="267">
        <v>4.6278284044387261E-2</v>
      </c>
    </row>
    <row r="43" spans="1:8" s="5" customFormat="1">
      <c r="A43" s="40" t="s">
        <v>537</v>
      </c>
      <c r="B43" s="49">
        <v>83</v>
      </c>
      <c r="C43" s="50">
        <v>71.459474967442489</v>
      </c>
      <c r="D43" s="51">
        <v>2.8863909229568794</v>
      </c>
      <c r="E43" s="268">
        <v>0.14350377124579056</v>
      </c>
      <c r="F43" s="265">
        <v>7.8587584207631553E-2</v>
      </c>
      <c r="G43" s="268">
        <v>0.26768234840104715</v>
      </c>
      <c r="H43" s="265">
        <v>9.6102750315224403E-2</v>
      </c>
    </row>
    <row r="44" spans="1:8" s="5" customFormat="1">
      <c r="A44" s="44" t="s">
        <v>538</v>
      </c>
      <c r="B44" s="56">
        <v>63</v>
      </c>
      <c r="C44" s="57">
        <v>69.20408797244211</v>
      </c>
      <c r="D44" s="58">
        <v>4.5236246893115579</v>
      </c>
      <c r="E44" s="266">
        <v>0.22743906145571802</v>
      </c>
      <c r="F44" s="267">
        <v>0.10489970507974208</v>
      </c>
      <c r="G44" s="266">
        <v>0.31773535127776464</v>
      </c>
      <c r="H44" s="267">
        <v>0.11476850329475127</v>
      </c>
    </row>
    <row r="45" spans="1:8" s="5" customFormat="1">
      <c r="A45" s="40" t="s">
        <v>539</v>
      </c>
      <c r="B45" s="49">
        <v>63</v>
      </c>
      <c r="C45" s="50">
        <v>66.983231316305279</v>
      </c>
      <c r="D45" s="51">
        <v>4.2431848388988342</v>
      </c>
      <c r="E45" s="268">
        <v>0.3003236702885515</v>
      </c>
      <c r="F45" s="265">
        <v>0.11322884679193727</v>
      </c>
      <c r="G45" s="268">
        <v>0.17046496956017829</v>
      </c>
      <c r="H45" s="265">
        <v>9.5881137997975527E-2</v>
      </c>
    </row>
    <row r="46" spans="1:8" s="5" customFormat="1">
      <c r="A46" s="44" t="s">
        <v>540</v>
      </c>
      <c r="B46" s="56">
        <v>70</v>
      </c>
      <c r="C46" s="57">
        <v>69.964102852243172</v>
      </c>
      <c r="D46" s="58">
        <v>3.831639277849046</v>
      </c>
      <c r="E46" s="266">
        <v>0.17743109940458798</v>
      </c>
      <c r="F46" s="267">
        <v>9.2091026841435442E-2</v>
      </c>
      <c r="G46" s="266">
        <v>0.26648784909299417</v>
      </c>
      <c r="H46" s="267">
        <v>0.10428849389410023</v>
      </c>
    </row>
    <row r="47" spans="1:8" s="5" customFormat="1">
      <c r="A47" s="40" t="s">
        <v>541</v>
      </c>
      <c r="B47" s="53">
        <v>75</v>
      </c>
      <c r="C47" s="54">
        <v>69.126810435598514</v>
      </c>
      <c r="D47" s="55">
        <v>3.9778770796638891</v>
      </c>
      <c r="E47" s="264">
        <v>0.25327325219484587</v>
      </c>
      <c r="F47" s="265">
        <v>9.9399287911796586E-2</v>
      </c>
      <c r="G47" s="264">
        <v>0.27189960937486601</v>
      </c>
      <c r="H47" s="265">
        <v>0.10140922554876006</v>
      </c>
    </row>
    <row r="48" spans="1:8">
      <c r="A48" s="44" t="s">
        <v>542</v>
      </c>
      <c r="B48" s="56">
        <v>595</v>
      </c>
      <c r="C48" s="57">
        <v>73.350353543946895</v>
      </c>
      <c r="D48" s="58">
        <v>1.370286264130981</v>
      </c>
      <c r="E48" s="266">
        <v>0.21555600567891098</v>
      </c>
      <c r="F48" s="267">
        <v>3.370980800730379E-2</v>
      </c>
      <c r="G48" s="266">
        <v>0.41367539112194279</v>
      </c>
      <c r="H48" s="267">
        <v>4.0253558176823794E-2</v>
      </c>
    </row>
    <row r="49" spans="1:50">
      <c r="A49" s="40" t="s">
        <v>543</v>
      </c>
      <c r="B49" s="49">
        <v>58</v>
      </c>
      <c r="C49" s="50">
        <v>74.224890325883493</v>
      </c>
      <c r="D49" s="51">
        <v>4.8870853424885468</v>
      </c>
      <c r="E49" s="268">
        <v>0.22983860090922067</v>
      </c>
      <c r="F49" s="265">
        <v>0.10958182168710574</v>
      </c>
      <c r="G49" s="268">
        <v>0.51512819121433251</v>
      </c>
      <c r="H49" s="265">
        <v>0.12694924457791662</v>
      </c>
    </row>
    <row r="50" spans="1:50">
      <c r="A50" s="44" t="s">
        <v>550</v>
      </c>
      <c r="B50" s="56">
        <v>105</v>
      </c>
      <c r="C50" s="57">
        <v>70.358826499497738</v>
      </c>
      <c r="D50" s="58">
        <v>3.838584638911259</v>
      </c>
      <c r="E50" s="266">
        <v>0.26828815831617425</v>
      </c>
      <c r="F50" s="267">
        <v>8.5708680131134002E-2</v>
      </c>
      <c r="G50" s="266">
        <v>0.40052862032124986</v>
      </c>
      <c r="H50" s="267">
        <v>9.4007285613622038E-2</v>
      </c>
    </row>
    <row r="51" spans="1:50">
      <c r="A51" s="52" t="s">
        <v>544</v>
      </c>
      <c r="B51" s="53">
        <v>119</v>
      </c>
      <c r="C51" s="54">
        <v>71.579440579004824</v>
      </c>
      <c r="D51" s="55">
        <v>2.9684929711709458</v>
      </c>
      <c r="E51" s="264">
        <v>0.25535242082702481</v>
      </c>
      <c r="F51" s="265">
        <v>7.9424168520635358E-2</v>
      </c>
      <c r="G51" s="264">
        <v>0.37596212096433412</v>
      </c>
      <c r="H51" s="265">
        <v>8.7531459530847455E-2</v>
      </c>
    </row>
    <row r="52" spans="1:50">
      <c r="A52" s="44" t="s">
        <v>545</v>
      </c>
      <c r="B52" s="56">
        <v>153</v>
      </c>
      <c r="C52" s="57">
        <v>74.142524852568371</v>
      </c>
      <c r="D52" s="58">
        <v>2.4199418130713988</v>
      </c>
      <c r="E52" s="266">
        <v>0.17152056839575733</v>
      </c>
      <c r="F52" s="267">
        <v>6.130829461341545E-2</v>
      </c>
      <c r="G52" s="266">
        <v>0.38311585136070597</v>
      </c>
      <c r="H52" s="267">
        <v>7.7710122082011529E-2</v>
      </c>
    </row>
    <row r="53" spans="1:50">
      <c r="A53" s="52" t="s">
        <v>546</v>
      </c>
      <c r="B53" s="53">
        <v>69</v>
      </c>
      <c r="C53" s="54">
        <v>77.556545232499005</v>
      </c>
      <c r="D53" s="55">
        <v>3.4106971764923464</v>
      </c>
      <c r="E53" s="264">
        <v>0.1551196822014157</v>
      </c>
      <c r="F53" s="265">
        <v>8.8746286414535053E-2</v>
      </c>
      <c r="G53" s="264">
        <v>0.47282228240945179</v>
      </c>
      <c r="H53" s="265">
        <v>0.1168865741145908</v>
      </c>
    </row>
    <row r="54" spans="1:50">
      <c r="A54" s="44" t="s">
        <v>547</v>
      </c>
      <c r="B54" s="56">
        <v>91</v>
      </c>
      <c r="C54" s="57">
        <v>74.863859386220128</v>
      </c>
      <c r="D54" s="58">
        <v>3.4093480522268296</v>
      </c>
      <c r="E54" s="266">
        <v>0.20565479008839246</v>
      </c>
      <c r="F54" s="267">
        <v>8.4729470029426171E-2</v>
      </c>
      <c r="G54" s="266">
        <v>0.43770220481380451</v>
      </c>
      <c r="H54" s="267">
        <v>0.10186449752581214</v>
      </c>
    </row>
    <row r="55" spans="1:50">
      <c r="A55" s="52" t="s">
        <v>551</v>
      </c>
      <c r="B55" s="53">
        <v>706</v>
      </c>
      <c r="C55" s="54">
        <v>67.904699047628696</v>
      </c>
      <c r="D55" s="55">
        <v>1.4094617902844175</v>
      </c>
      <c r="E55" s="264">
        <v>0.29938397436925468</v>
      </c>
      <c r="F55" s="265">
        <v>3.4413018973747461E-2</v>
      </c>
      <c r="G55" s="264">
        <v>0.29453537275209635</v>
      </c>
      <c r="H55" s="265">
        <v>3.4253291569236732E-2</v>
      </c>
    </row>
    <row r="56" spans="1:50">
      <c r="A56" s="44" t="s">
        <v>552</v>
      </c>
      <c r="B56" s="56">
        <v>197</v>
      </c>
      <c r="C56" s="57">
        <v>69.59403022237268</v>
      </c>
      <c r="D56" s="58">
        <v>2.5623932084230154</v>
      </c>
      <c r="E56" s="266">
        <v>0.25765046632383176</v>
      </c>
      <c r="F56" s="267">
        <v>6.2067382262618487E-2</v>
      </c>
      <c r="G56" s="266">
        <v>0.31956358257380707</v>
      </c>
      <c r="H56" s="267">
        <v>6.5975363797787567E-2</v>
      </c>
    </row>
    <row r="57" spans="1:50">
      <c r="A57" s="52" t="s">
        <v>553</v>
      </c>
      <c r="B57" s="53">
        <v>258</v>
      </c>
      <c r="C57" s="54">
        <v>65.951491862698788</v>
      </c>
      <c r="D57" s="55">
        <v>2.2861271154058613</v>
      </c>
      <c r="E57" s="264">
        <v>0.33133367119173696</v>
      </c>
      <c r="F57" s="265">
        <v>5.8272024622673557E-2</v>
      </c>
      <c r="G57" s="264">
        <v>0.24436316954451162</v>
      </c>
      <c r="H57" s="265">
        <v>5.3378956925240792E-2</v>
      </c>
    </row>
    <row r="58" spans="1:50">
      <c r="A58" s="44" t="s">
        <v>554</v>
      </c>
      <c r="B58" s="56">
        <v>225</v>
      </c>
      <c r="C58" s="57">
        <v>68.710924967980361</v>
      </c>
      <c r="D58" s="58">
        <v>2.668364315431929</v>
      </c>
      <c r="E58" s="266">
        <v>0.2964826077781601</v>
      </c>
      <c r="F58" s="267">
        <v>6.0567187750767491E-2</v>
      </c>
      <c r="G58" s="266">
        <v>0.33985254680792293</v>
      </c>
      <c r="H58" s="267">
        <v>6.2724314033651044E-2</v>
      </c>
    </row>
    <row r="59" spans="1:50" s="5" customFormat="1"/>
    <row r="61" spans="1:50" ht="18.75">
      <c r="A61" s="344" t="s">
        <v>32</v>
      </c>
      <c r="B61" s="344"/>
      <c r="C61" s="344"/>
      <c r="D61" s="344"/>
      <c r="E61" s="344"/>
      <c r="F61" s="344"/>
      <c r="G61" s="344"/>
      <c r="H61" s="344"/>
      <c r="I61" s="344"/>
      <c r="J61" s="344"/>
      <c r="K61" s="344"/>
      <c r="L61" s="344"/>
      <c r="M61" s="344"/>
      <c r="N61" s="344"/>
      <c r="O61" s="344"/>
      <c r="P61" s="344"/>
      <c r="Q61" s="344"/>
      <c r="R61" s="344"/>
      <c r="S61" s="344"/>
      <c r="T61" s="344"/>
      <c r="U61" s="344"/>
      <c r="V61" s="344"/>
      <c r="W61" s="344"/>
      <c r="X61" s="344"/>
      <c r="Y61" s="344"/>
      <c r="Z61" s="344"/>
      <c r="AA61" s="344"/>
      <c r="AB61" s="344"/>
      <c r="AC61" s="344"/>
      <c r="AD61" s="344"/>
      <c r="AE61" s="344"/>
      <c r="AF61" s="344"/>
      <c r="AG61" s="344"/>
      <c r="AH61" s="344"/>
      <c r="AI61" s="344"/>
      <c r="AJ61" s="344"/>
      <c r="AK61" s="344"/>
      <c r="AL61" s="344"/>
      <c r="AM61" s="344"/>
      <c r="AN61" s="344"/>
      <c r="AO61" s="344"/>
      <c r="AP61" s="344"/>
      <c r="AQ61" s="344"/>
      <c r="AR61" s="344"/>
      <c r="AS61" s="344"/>
      <c r="AT61" s="344"/>
      <c r="AU61" s="344"/>
      <c r="AV61" s="344"/>
      <c r="AW61" s="344"/>
      <c r="AX61" s="344"/>
    </row>
    <row r="62" spans="1:50" ht="70.5" customHeight="1">
      <c r="A62" s="345" t="s">
        <v>582</v>
      </c>
      <c r="B62" s="345"/>
      <c r="C62" s="345"/>
      <c r="D62" s="345"/>
      <c r="E62" s="345"/>
      <c r="F62" s="345"/>
      <c r="G62" s="345"/>
      <c r="H62" s="345"/>
      <c r="I62" s="345"/>
      <c r="J62" s="345"/>
      <c r="K62" s="345"/>
      <c r="L62" s="345"/>
      <c r="M62" s="345"/>
      <c r="N62" s="345"/>
      <c r="O62" s="345"/>
      <c r="P62" s="345"/>
      <c r="Q62" s="345"/>
      <c r="R62" s="345"/>
      <c r="S62" s="345"/>
      <c r="T62" s="345"/>
      <c r="U62" s="345"/>
      <c r="V62" s="345"/>
      <c r="W62" s="345"/>
      <c r="X62" s="345"/>
      <c r="Y62" s="345"/>
      <c r="Z62" s="345"/>
      <c r="AA62" s="345"/>
      <c r="AB62" s="345"/>
      <c r="AC62" s="345"/>
      <c r="AD62" s="345"/>
      <c r="AE62" s="345"/>
      <c r="AF62" s="345"/>
      <c r="AG62" s="345"/>
      <c r="AH62" s="345"/>
      <c r="AI62" s="345"/>
      <c r="AJ62" s="345"/>
      <c r="AK62" s="345"/>
      <c r="AL62" s="345"/>
      <c r="AM62" s="345"/>
      <c r="AN62" s="345"/>
      <c r="AO62" s="345"/>
      <c r="AP62" s="345"/>
      <c r="AQ62" s="345"/>
      <c r="AR62" s="345"/>
      <c r="AS62" s="345"/>
      <c r="AT62" s="345"/>
      <c r="AU62" s="345"/>
      <c r="AV62" s="345"/>
      <c r="AW62" s="345"/>
      <c r="AX62" s="345"/>
    </row>
    <row r="63" spans="1:50" ht="32.25" customHeight="1">
      <c r="A63" s="300" t="s">
        <v>78</v>
      </c>
      <c r="B63" s="340" t="s">
        <v>79</v>
      </c>
      <c r="C63" s="341"/>
      <c r="D63" s="341"/>
      <c r="E63" s="341"/>
      <c r="F63" s="341"/>
      <c r="G63" s="341"/>
      <c r="H63" s="342"/>
      <c r="I63" s="340" t="s">
        <v>337</v>
      </c>
      <c r="J63" s="341"/>
      <c r="K63" s="341"/>
      <c r="L63" s="341"/>
      <c r="M63" s="341"/>
      <c r="N63" s="341"/>
      <c r="O63" s="342"/>
      <c r="P63" s="340" t="s">
        <v>338</v>
      </c>
      <c r="Q63" s="341"/>
      <c r="R63" s="341"/>
      <c r="S63" s="341"/>
      <c r="T63" s="341"/>
      <c r="U63" s="341"/>
      <c r="V63" s="342"/>
      <c r="W63" s="340" t="s">
        <v>80</v>
      </c>
      <c r="X63" s="341"/>
      <c r="Y63" s="341"/>
      <c r="Z63" s="341"/>
      <c r="AA63" s="341"/>
      <c r="AB63" s="341"/>
      <c r="AC63" s="342"/>
      <c r="AD63" s="340" t="s">
        <v>81</v>
      </c>
      <c r="AE63" s="341"/>
      <c r="AF63" s="341"/>
      <c r="AG63" s="341"/>
      <c r="AH63" s="341"/>
      <c r="AI63" s="341"/>
      <c r="AJ63" s="342"/>
      <c r="AK63" s="340" t="s">
        <v>82</v>
      </c>
      <c r="AL63" s="341"/>
      <c r="AM63" s="341"/>
      <c r="AN63" s="341"/>
      <c r="AO63" s="341"/>
      <c r="AP63" s="341"/>
      <c r="AQ63" s="342"/>
      <c r="AR63" s="340" t="s">
        <v>83</v>
      </c>
      <c r="AS63" s="341"/>
      <c r="AT63" s="341"/>
      <c r="AU63" s="341"/>
      <c r="AV63" s="341"/>
      <c r="AW63" s="341"/>
      <c r="AX63" s="342"/>
    </row>
    <row r="64" spans="1:50" ht="43.5" customHeight="1">
      <c r="A64" s="32" t="s">
        <v>71</v>
      </c>
      <c r="B64" s="33" t="s">
        <v>72</v>
      </c>
      <c r="C64" s="34" t="s">
        <v>592</v>
      </c>
      <c r="D64" s="35" t="s">
        <v>73</v>
      </c>
      <c r="E64" s="34" t="s">
        <v>331</v>
      </c>
      <c r="F64" s="35" t="s">
        <v>335</v>
      </c>
      <c r="G64" s="34" t="s">
        <v>333</v>
      </c>
      <c r="H64" s="35" t="s">
        <v>336</v>
      </c>
      <c r="I64" s="60" t="s">
        <v>72</v>
      </c>
      <c r="J64" s="61" t="s">
        <v>592</v>
      </c>
      <c r="K64" s="62" t="s">
        <v>73</v>
      </c>
      <c r="L64" s="61" t="s">
        <v>331</v>
      </c>
      <c r="M64" s="62" t="s">
        <v>335</v>
      </c>
      <c r="N64" s="61" t="s">
        <v>333</v>
      </c>
      <c r="O64" s="62" t="s">
        <v>336</v>
      </c>
      <c r="P64" s="33" t="s">
        <v>72</v>
      </c>
      <c r="Q64" s="34" t="s">
        <v>592</v>
      </c>
      <c r="R64" s="35" t="s">
        <v>73</v>
      </c>
      <c r="S64" s="34" t="s">
        <v>331</v>
      </c>
      <c r="T64" s="35" t="s">
        <v>335</v>
      </c>
      <c r="U64" s="34" t="s">
        <v>333</v>
      </c>
      <c r="V64" s="35" t="s">
        <v>336</v>
      </c>
      <c r="W64" s="60" t="s">
        <v>72</v>
      </c>
      <c r="X64" s="61" t="s">
        <v>592</v>
      </c>
      <c r="Y64" s="62" t="s">
        <v>73</v>
      </c>
      <c r="Z64" s="61" t="s">
        <v>331</v>
      </c>
      <c r="AA64" s="62" t="s">
        <v>335</v>
      </c>
      <c r="AB64" s="61" t="s">
        <v>333</v>
      </c>
      <c r="AC64" s="62" t="s">
        <v>336</v>
      </c>
      <c r="AD64" s="33" t="s">
        <v>72</v>
      </c>
      <c r="AE64" s="34" t="s">
        <v>592</v>
      </c>
      <c r="AF64" s="35" t="s">
        <v>73</v>
      </c>
      <c r="AG64" s="34" t="s">
        <v>331</v>
      </c>
      <c r="AH64" s="35" t="s">
        <v>335</v>
      </c>
      <c r="AI64" s="34" t="s">
        <v>333</v>
      </c>
      <c r="AJ64" s="35" t="s">
        <v>336</v>
      </c>
      <c r="AK64" s="60" t="s">
        <v>72</v>
      </c>
      <c r="AL64" s="61" t="s">
        <v>592</v>
      </c>
      <c r="AM64" s="62" t="s">
        <v>73</v>
      </c>
      <c r="AN64" s="61" t="s">
        <v>331</v>
      </c>
      <c r="AO64" s="62" t="s">
        <v>335</v>
      </c>
      <c r="AP64" s="61" t="s">
        <v>333</v>
      </c>
      <c r="AQ64" s="62" t="s">
        <v>336</v>
      </c>
      <c r="AR64" s="33" t="s">
        <v>72</v>
      </c>
      <c r="AS64" s="34" t="s">
        <v>592</v>
      </c>
      <c r="AT64" s="35" t="s">
        <v>73</v>
      </c>
      <c r="AU64" s="34" t="s">
        <v>331</v>
      </c>
      <c r="AV64" s="35" t="s">
        <v>335</v>
      </c>
      <c r="AW64" s="34" t="s">
        <v>333</v>
      </c>
      <c r="AX64" s="35" t="s">
        <v>336</v>
      </c>
    </row>
    <row r="65" spans="1:50" ht="69" customHeight="1">
      <c r="A65" s="36"/>
      <c r="B65" s="37" t="s">
        <v>74</v>
      </c>
      <c r="C65" s="38" t="s">
        <v>75</v>
      </c>
      <c r="D65" s="39" t="s">
        <v>76</v>
      </c>
      <c r="E65" s="38" t="s">
        <v>332</v>
      </c>
      <c r="F65" s="86" t="s">
        <v>88</v>
      </c>
      <c r="G65" s="38" t="s">
        <v>334</v>
      </c>
      <c r="H65" s="86" t="s">
        <v>88</v>
      </c>
      <c r="I65" s="63" t="s">
        <v>74</v>
      </c>
      <c r="J65" s="64" t="s">
        <v>75</v>
      </c>
      <c r="K65" s="65" t="s">
        <v>76</v>
      </c>
      <c r="L65" s="64" t="s">
        <v>332</v>
      </c>
      <c r="M65" s="65" t="s">
        <v>76</v>
      </c>
      <c r="N65" s="64" t="s">
        <v>334</v>
      </c>
      <c r="O65" s="65" t="s">
        <v>88</v>
      </c>
      <c r="P65" s="37" t="s">
        <v>74</v>
      </c>
      <c r="Q65" s="38" t="s">
        <v>75</v>
      </c>
      <c r="R65" s="39" t="s">
        <v>76</v>
      </c>
      <c r="S65" s="38" t="s">
        <v>332</v>
      </c>
      <c r="T65" s="39" t="s">
        <v>88</v>
      </c>
      <c r="U65" s="38" t="s">
        <v>334</v>
      </c>
      <c r="V65" s="39" t="s">
        <v>88</v>
      </c>
      <c r="W65" s="63" t="s">
        <v>74</v>
      </c>
      <c r="X65" s="64" t="s">
        <v>75</v>
      </c>
      <c r="Y65" s="65" t="s">
        <v>76</v>
      </c>
      <c r="Z65" s="64" t="s">
        <v>332</v>
      </c>
      <c r="AA65" s="65" t="s">
        <v>88</v>
      </c>
      <c r="AB65" s="64" t="s">
        <v>334</v>
      </c>
      <c r="AC65" s="65" t="s">
        <v>88</v>
      </c>
      <c r="AD65" s="37" t="s">
        <v>74</v>
      </c>
      <c r="AE65" s="38" t="s">
        <v>75</v>
      </c>
      <c r="AF65" s="39" t="s">
        <v>76</v>
      </c>
      <c r="AG65" s="38" t="s">
        <v>332</v>
      </c>
      <c r="AH65" s="39" t="s">
        <v>88</v>
      </c>
      <c r="AI65" s="38" t="s">
        <v>334</v>
      </c>
      <c r="AJ65" s="39" t="s">
        <v>88</v>
      </c>
      <c r="AK65" s="63" t="s">
        <v>74</v>
      </c>
      <c r="AL65" s="64" t="s">
        <v>75</v>
      </c>
      <c r="AM65" s="65" t="s">
        <v>76</v>
      </c>
      <c r="AN65" s="64" t="s">
        <v>332</v>
      </c>
      <c r="AO65" s="65" t="s">
        <v>88</v>
      </c>
      <c r="AP65" s="64" t="s">
        <v>334</v>
      </c>
      <c r="AQ65" s="65" t="s">
        <v>88</v>
      </c>
      <c r="AR65" s="37" t="s">
        <v>74</v>
      </c>
      <c r="AS65" s="38" t="s">
        <v>75</v>
      </c>
      <c r="AT65" s="39" t="s">
        <v>76</v>
      </c>
      <c r="AU65" s="38" t="s">
        <v>332</v>
      </c>
      <c r="AV65" s="39" t="s">
        <v>88</v>
      </c>
      <c r="AW65" s="38" t="s">
        <v>334</v>
      </c>
      <c r="AX65" s="39" t="s">
        <v>88</v>
      </c>
    </row>
    <row r="66" spans="1:50">
      <c r="A66" s="40" t="s">
        <v>350</v>
      </c>
      <c r="B66" s="66">
        <v>13570</v>
      </c>
      <c r="C66" s="67">
        <v>71.438630345390308</v>
      </c>
      <c r="D66" s="68">
        <v>0.35337904261092806</v>
      </c>
      <c r="E66" s="271">
        <v>0.240466845408177</v>
      </c>
      <c r="F66" s="272">
        <v>7.3370964794701836E-3</v>
      </c>
      <c r="G66" s="273">
        <v>0.40087115027287756</v>
      </c>
      <c r="H66" s="272">
        <v>8.4128631801001236E-3</v>
      </c>
      <c r="I66" s="66">
        <v>13556</v>
      </c>
      <c r="J66" s="67">
        <v>67.249706894513793</v>
      </c>
      <c r="K66" s="68">
        <v>0.39074111841170045</v>
      </c>
      <c r="L66" s="271">
        <v>0.30006086316616065</v>
      </c>
      <c r="M66" s="272">
        <v>7.8715334654811085E-3</v>
      </c>
      <c r="N66" s="273">
        <v>0.32844081781997503</v>
      </c>
      <c r="O66" s="272">
        <v>8.0665522454644312E-3</v>
      </c>
      <c r="P66" s="66">
        <v>13533</v>
      </c>
      <c r="Q66" s="67">
        <v>65.322654533475699</v>
      </c>
      <c r="R66" s="68">
        <v>0.4054703749536423</v>
      </c>
      <c r="S66" s="271">
        <v>0.34047814760760325</v>
      </c>
      <c r="T66" s="272">
        <v>8.1459649654541111E-3</v>
      </c>
      <c r="U66" s="273">
        <v>0.31825195682542395</v>
      </c>
      <c r="V66" s="272">
        <v>8.0072945826806866E-3</v>
      </c>
      <c r="W66" s="66">
        <v>13522</v>
      </c>
      <c r="X66" s="67">
        <v>71.045567311173087</v>
      </c>
      <c r="Y66" s="68">
        <v>0.42066220326834314</v>
      </c>
      <c r="Z66" s="271">
        <v>0.2735156750950844</v>
      </c>
      <c r="AA66" s="272">
        <v>7.6662448437937727E-3</v>
      </c>
      <c r="AB66" s="273">
        <v>0.44866137810191631</v>
      </c>
      <c r="AC66" s="272">
        <v>8.5529360242496532E-3</v>
      </c>
      <c r="AD66" s="66">
        <v>13549</v>
      </c>
      <c r="AE66" s="67">
        <v>74.042393617335378</v>
      </c>
      <c r="AF66" s="68">
        <v>0.36492693047760022</v>
      </c>
      <c r="AG66" s="271">
        <v>0.21918160250748378</v>
      </c>
      <c r="AH66" s="272">
        <v>7.1080158760762173E-3</v>
      </c>
      <c r="AI66" s="273">
        <v>0.48085613989649967</v>
      </c>
      <c r="AJ66" s="272">
        <v>8.5834900597652631E-3</v>
      </c>
      <c r="AK66" s="66">
        <v>13525</v>
      </c>
      <c r="AL66" s="67">
        <v>64.115309634413777</v>
      </c>
      <c r="AM66" s="68">
        <v>0.42139710288579496</v>
      </c>
      <c r="AN66" s="271">
        <v>0.37418317763397418</v>
      </c>
      <c r="AO66" s="272">
        <v>8.3209243159596807E-3</v>
      </c>
      <c r="AP66" s="273">
        <v>0.29474715129768669</v>
      </c>
      <c r="AQ66" s="272">
        <v>7.8400782607710145E-3</v>
      </c>
      <c r="AR66" s="66">
        <v>13529</v>
      </c>
      <c r="AS66" s="67">
        <v>64.674676425130073</v>
      </c>
      <c r="AT66" s="68">
        <v>0.43499056656587498</v>
      </c>
      <c r="AU66" s="271">
        <v>0.36491027912587382</v>
      </c>
      <c r="AV66" s="272">
        <v>8.2766321104891776E-3</v>
      </c>
      <c r="AW66" s="273">
        <v>0.32030615518574806</v>
      </c>
      <c r="AX66" s="272">
        <v>8.0221596477630282E-3</v>
      </c>
    </row>
    <row r="67" spans="1:50" s="5" customFormat="1">
      <c r="A67" s="44" t="s">
        <v>351</v>
      </c>
      <c r="B67" s="69">
        <v>10055</v>
      </c>
      <c r="C67" s="70">
        <v>73.164697367354762</v>
      </c>
      <c r="D67" s="71">
        <v>0.40048464601374079</v>
      </c>
      <c r="E67" s="274">
        <v>0.20987679526600334</v>
      </c>
      <c r="F67" s="275">
        <v>8.1221281139804268E-3</v>
      </c>
      <c r="G67" s="276">
        <v>0.43607647042244929</v>
      </c>
      <c r="H67" s="275">
        <v>9.8888751877334678E-3</v>
      </c>
      <c r="I67" s="69">
        <v>10043</v>
      </c>
      <c r="J67" s="70">
        <v>66.862155971112429</v>
      </c>
      <c r="K67" s="71">
        <v>0.45433726982971639</v>
      </c>
      <c r="L67" s="274">
        <v>0.30751297821261192</v>
      </c>
      <c r="M67" s="275">
        <v>9.2082990362279665E-3</v>
      </c>
      <c r="N67" s="276">
        <v>0.3300229878843946</v>
      </c>
      <c r="O67" s="275">
        <v>9.3828857711381556E-3</v>
      </c>
      <c r="P67" s="69">
        <v>10027</v>
      </c>
      <c r="Q67" s="70">
        <v>66.791836467068165</v>
      </c>
      <c r="R67" s="71">
        <v>0.46551816361235671</v>
      </c>
      <c r="S67" s="274">
        <v>0.31635250540374288</v>
      </c>
      <c r="T67" s="275">
        <v>9.2872392196801778E-3</v>
      </c>
      <c r="U67" s="276">
        <v>0.34251780998900488</v>
      </c>
      <c r="V67" s="275">
        <v>9.4767739960541098E-3</v>
      </c>
      <c r="W67" s="69">
        <v>10016</v>
      </c>
      <c r="X67" s="70">
        <v>73.037939169361266</v>
      </c>
      <c r="Y67" s="71">
        <v>0.47861896107427071</v>
      </c>
      <c r="Z67" s="274">
        <v>0.24646932655942103</v>
      </c>
      <c r="AA67" s="275">
        <v>8.6116827991018323E-3</v>
      </c>
      <c r="AB67" s="276">
        <v>0.48841836026437457</v>
      </c>
      <c r="AC67" s="275">
        <v>9.9873367464312877E-3</v>
      </c>
      <c r="AD67" s="69">
        <v>10042</v>
      </c>
      <c r="AE67" s="70">
        <v>76.524111162024013</v>
      </c>
      <c r="AF67" s="71">
        <v>0.40950905192480291</v>
      </c>
      <c r="AG67" s="274">
        <v>0.18469742367316946</v>
      </c>
      <c r="AH67" s="275">
        <v>7.7452839747371976E-3</v>
      </c>
      <c r="AI67" s="276">
        <v>0.52778538758003091</v>
      </c>
      <c r="AJ67" s="275">
        <v>9.9616742556273893E-3</v>
      </c>
      <c r="AK67" s="69">
        <v>10025</v>
      </c>
      <c r="AL67" s="70">
        <v>66.892036120047791</v>
      </c>
      <c r="AM67" s="71">
        <v>0.48085713434636318</v>
      </c>
      <c r="AN67" s="274">
        <v>0.32610143263671432</v>
      </c>
      <c r="AO67" s="275">
        <v>9.3626465751574205E-3</v>
      </c>
      <c r="AP67" s="276">
        <v>0.33752311325959089</v>
      </c>
      <c r="AQ67" s="275">
        <v>9.4440602605184599E-3</v>
      </c>
      <c r="AR67" s="69">
        <v>10021</v>
      </c>
      <c r="AS67" s="70">
        <v>65.681533639053356</v>
      </c>
      <c r="AT67" s="71">
        <v>0.5044151860498951</v>
      </c>
      <c r="AU67" s="274">
        <v>0.34756852736597621</v>
      </c>
      <c r="AV67" s="275">
        <v>9.5124684552233083E-3</v>
      </c>
      <c r="AW67" s="276">
        <v>0.34075583167763918</v>
      </c>
      <c r="AX67" s="275">
        <v>9.4678672150871439E-3</v>
      </c>
    </row>
    <row r="68" spans="1:50" s="5" customFormat="1">
      <c r="A68" s="40" t="s">
        <v>352</v>
      </c>
      <c r="B68" s="49">
        <v>3515</v>
      </c>
      <c r="C68" s="50">
        <v>69.976615823825824</v>
      </c>
      <c r="D68" s="51">
        <v>0.72461273116365144</v>
      </c>
      <c r="E68" s="268">
        <v>0.26637725152457892</v>
      </c>
      <c r="F68" s="277">
        <v>1.4908813318692257E-2</v>
      </c>
      <c r="G68" s="268">
        <v>0.37105151485892707</v>
      </c>
      <c r="H68" s="277">
        <v>1.6288464832602888E-2</v>
      </c>
      <c r="I68" s="49">
        <v>3513</v>
      </c>
      <c r="J68" s="50">
        <v>67.577772556268499</v>
      </c>
      <c r="K68" s="51">
        <v>0.76498159555816492</v>
      </c>
      <c r="L68" s="268">
        <v>0.29375257461215459</v>
      </c>
      <c r="M68" s="277">
        <v>1.5364353363018937E-2</v>
      </c>
      <c r="N68" s="268">
        <v>0.3271014953261957</v>
      </c>
      <c r="O68" s="277">
        <v>1.5824386942336503E-2</v>
      </c>
      <c r="P68" s="49">
        <v>3506</v>
      </c>
      <c r="Q68" s="50">
        <v>64.076642051783381</v>
      </c>
      <c r="R68" s="51">
        <v>0.80960608416473434</v>
      </c>
      <c r="S68" s="268">
        <v>0.36093909300008564</v>
      </c>
      <c r="T68" s="277">
        <v>1.6214590668248423E-2</v>
      </c>
      <c r="U68" s="268">
        <v>0.29767209858632715</v>
      </c>
      <c r="V68" s="277">
        <v>1.5438755758263732E-2</v>
      </c>
      <c r="W68" s="49">
        <v>3506</v>
      </c>
      <c r="X68" s="50">
        <v>69.35603935690294</v>
      </c>
      <c r="Y68" s="51">
        <v>0.86006341989208956</v>
      </c>
      <c r="Z68" s="268">
        <v>0.29645093274998163</v>
      </c>
      <c r="AA68" s="277">
        <v>1.5420493849944388E-2</v>
      </c>
      <c r="AB68" s="268">
        <v>0.41494752470408403</v>
      </c>
      <c r="AC68" s="277">
        <v>1.6633558727091127E-2</v>
      </c>
      <c r="AD68" s="49">
        <v>3507</v>
      </c>
      <c r="AE68" s="50">
        <v>71.939223780586431</v>
      </c>
      <c r="AF68" s="51">
        <v>0.75907590917583134</v>
      </c>
      <c r="AG68" s="268">
        <v>0.24840575209880325</v>
      </c>
      <c r="AH68" s="277">
        <v>1.4589980835254365E-2</v>
      </c>
      <c r="AI68" s="268">
        <v>0.44108522462831345</v>
      </c>
      <c r="AJ68" s="277">
        <v>1.6759289129489815E-2</v>
      </c>
      <c r="AK68" s="49">
        <v>3500</v>
      </c>
      <c r="AL68" s="50">
        <v>61.758635626394216</v>
      </c>
      <c r="AM68" s="51">
        <v>0.83583430222926502</v>
      </c>
      <c r="AN68" s="268">
        <v>0.41499130161793196</v>
      </c>
      <c r="AO68" s="277">
        <v>1.6648049325318787E-2</v>
      </c>
      <c r="AP68" s="268">
        <v>0.2584421719468955</v>
      </c>
      <c r="AQ68" s="277">
        <v>1.4796294089987715E-2</v>
      </c>
      <c r="AR68" s="49">
        <v>3508</v>
      </c>
      <c r="AS68" s="50">
        <v>63.824219254449147</v>
      </c>
      <c r="AT68" s="51">
        <v>0.84786993618243456</v>
      </c>
      <c r="AU68" s="268">
        <v>0.37955825197883186</v>
      </c>
      <c r="AV68" s="277">
        <v>1.637845445261624E-2</v>
      </c>
      <c r="AW68" s="268">
        <v>0.30303302671217563</v>
      </c>
      <c r="AX68" s="277">
        <v>1.5512957867430328E-2</v>
      </c>
    </row>
    <row r="69" spans="1:50" s="5" customFormat="1">
      <c r="A69" s="44" t="s">
        <v>534</v>
      </c>
      <c r="B69" s="69">
        <v>3136</v>
      </c>
      <c r="C69" s="70">
        <v>72.899345678420957</v>
      </c>
      <c r="D69" s="71">
        <v>0.70699997934473779</v>
      </c>
      <c r="E69" s="274">
        <v>0.22420004854367342</v>
      </c>
      <c r="F69" s="275">
        <v>1.4893595472159234E-2</v>
      </c>
      <c r="G69" s="276">
        <v>0.4408440038662379</v>
      </c>
      <c r="H69" s="275">
        <v>1.7720745271692616E-2</v>
      </c>
      <c r="I69" s="69">
        <v>3127</v>
      </c>
      <c r="J69" s="70">
        <v>68.302099256044485</v>
      </c>
      <c r="K69" s="71">
        <v>0.78780523523119383</v>
      </c>
      <c r="L69" s="274">
        <v>0.27261075570221327</v>
      </c>
      <c r="M69" s="275">
        <v>1.5921644634681566E-2</v>
      </c>
      <c r="N69" s="276">
        <v>0.34168663782052211</v>
      </c>
      <c r="O69" s="275">
        <v>1.6954327476036746E-2</v>
      </c>
      <c r="P69" s="69">
        <v>3130</v>
      </c>
      <c r="Q69" s="70">
        <v>66.837916994856386</v>
      </c>
      <c r="R69" s="71">
        <v>0.8146636281091475</v>
      </c>
      <c r="S69" s="274">
        <v>0.31408384416406721</v>
      </c>
      <c r="T69" s="275">
        <v>1.6585465781732044E-2</v>
      </c>
      <c r="U69" s="276">
        <v>0.34631402422133173</v>
      </c>
      <c r="V69" s="275">
        <v>1.7000351899307011E-2</v>
      </c>
      <c r="W69" s="69">
        <v>3121</v>
      </c>
      <c r="X69" s="70">
        <v>71.862946296919077</v>
      </c>
      <c r="Y69" s="71">
        <v>0.8399520300975819</v>
      </c>
      <c r="Z69" s="274">
        <v>0.25719740401933611</v>
      </c>
      <c r="AA69" s="275">
        <v>1.5643947235251941E-2</v>
      </c>
      <c r="AB69" s="276">
        <v>0.46305648557749196</v>
      </c>
      <c r="AC69" s="275">
        <v>1.7839772857873373E-2</v>
      </c>
      <c r="AD69" s="69">
        <v>3133</v>
      </c>
      <c r="AE69" s="70">
        <v>72.802346270134095</v>
      </c>
      <c r="AF69" s="71">
        <v>0.74780793405285484</v>
      </c>
      <c r="AG69" s="274">
        <v>0.23666560226405817</v>
      </c>
      <c r="AH69" s="275">
        <v>1.518483406755323E-2</v>
      </c>
      <c r="AI69" s="276">
        <v>0.46965165934174286</v>
      </c>
      <c r="AJ69" s="275">
        <v>1.7821461651641977E-2</v>
      </c>
      <c r="AK69" s="69">
        <v>3125</v>
      </c>
      <c r="AL69" s="70">
        <v>65.938132021161707</v>
      </c>
      <c r="AM69" s="71">
        <v>0.85024251277509211</v>
      </c>
      <c r="AN69" s="274">
        <v>0.34166207552918643</v>
      </c>
      <c r="AO69" s="275">
        <v>1.6959454220200787E-2</v>
      </c>
      <c r="AP69" s="276">
        <v>0.33094253301437193</v>
      </c>
      <c r="AQ69" s="275">
        <v>1.6827004978016487E-2</v>
      </c>
      <c r="AR69" s="69">
        <v>3126</v>
      </c>
      <c r="AS69" s="70">
        <v>65.589316967048106</v>
      </c>
      <c r="AT69" s="71">
        <v>0.89038348914453547</v>
      </c>
      <c r="AU69" s="274">
        <v>0.36067003213290705</v>
      </c>
      <c r="AV69" s="275">
        <v>1.7168093812438643E-2</v>
      </c>
      <c r="AW69" s="276">
        <v>0.33775039832920561</v>
      </c>
      <c r="AX69" s="275">
        <v>1.6909543515508767E-2</v>
      </c>
    </row>
    <row r="70" spans="1:50" s="5" customFormat="1">
      <c r="A70" s="40" t="s">
        <v>535</v>
      </c>
      <c r="B70" s="49">
        <v>2495</v>
      </c>
      <c r="C70" s="50">
        <v>76.295784960062036</v>
      </c>
      <c r="D70" s="51">
        <v>0.76469700097640714</v>
      </c>
      <c r="E70" s="268">
        <v>0.15280016546382849</v>
      </c>
      <c r="F70" s="277">
        <v>1.4416092622545616E-2</v>
      </c>
      <c r="G70" s="268">
        <v>0.5076695187552438</v>
      </c>
      <c r="H70" s="277">
        <v>2.0001655259055492E-2</v>
      </c>
      <c r="I70" s="49">
        <v>2488</v>
      </c>
      <c r="J70" s="50">
        <v>68.020482334100535</v>
      </c>
      <c r="K70" s="51">
        <v>0.88447074164991857</v>
      </c>
      <c r="L70" s="268">
        <v>0.27705522876173366</v>
      </c>
      <c r="M70" s="277">
        <v>1.7937606572522167E-2</v>
      </c>
      <c r="N70" s="268">
        <v>0.35839413797225717</v>
      </c>
      <c r="O70" s="277">
        <v>1.9214598736720254E-2</v>
      </c>
      <c r="P70" s="49">
        <v>2489</v>
      </c>
      <c r="Q70" s="50">
        <v>69.389370522691678</v>
      </c>
      <c r="R70" s="51">
        <v>0.90219613821886335</v>
      </c>
      <c r="S70" s="268">
        <v>0.26464445934622438</v>
      </c>
      <c r="T70" s="277">
        <v>1.7678566014071511E-2</v>
      </c>
      <c r="U70" s="268">
        <v>0.40078878584931482</v>
      </c>
      <c r="V70" s="277">
        <v>1.9631122717504116E-2</v>
      </c>
      <c r="W70" s="49">
        <v>2486</v>
      </c>
      <c r="X70" s="50">
        <v>74.800352369671387</v>
      </c>
      <c r="Y70" s="51">
        <v>0.92178581243534097</v>
      </c>
      <c r="Z70" s="268">
        <v>0.214425629171243</v>
      </c>
      <c r="AA70" s="277">
        <v>1.6462642877593366E-2</v>
      </c>
      <c r="AB70" s="268">
        <v>0.53191899017257538</v>
      </c>
      <c r="AC70" s="277">
        <v>1.9999375442483903E-2</v>
      </c>
      <c r="AD70" s="49">
        <v>2491</v>
      </c>
      <c r="AE70" s="50">
        <v>79.39567032264496</v>
      </c>
      <c r="AF70" s="51">
        <v>0.78395814570449451</v>
      </c>
      <c r="AG70" s="268">
        <v>0.14863845614591442</v>
      </c>
      <c r="AH70" s="277">
        <v>1.4265762406237852E-2</v>
      </c>
      <c r="AI70" s="268">
        <v>0.60203663910754424</v>
      </c>
      <c r="AJ70" s="277">
        <v>1.9600085109160781E-2</v>
      </c>
      <c r="AK70" s="49">
        <v>2489</v>
      </c>
      <c r="AL70" s="50">
        <v>70.115094662918665</v>
      </c>
      <c r="AM70" s="51">
        <v>0.92927306539005061</v>
      </c>
      <c r="AN70" s="268">
        <v>0.27868235262740354</v>
      </c>
      <c r="AO70" s="277">
        <v>1.7966209481982184E-2</v>
      </c>
      <c r="AP70" s="268">
        <v>0.40347224956566502</v>
      </c>
      <c r="AQ70" s="277">
        <v>1.965250747595694E-2</v>
      </c>
      <c r="AR70" s="49">
        <v>2486</v>
      </c>
      <c r="AS70" s="50">
        <v>68.473812235477936</v>
      </c>
      <c r="AT70" s="51">
        <v>0.98859127482156428</v>
      </c>
      <c r="AU70" s="268">
        <v>0.29838163098649373</v>
      </c>
      <c r="AV70" s="277">
        <v>1.8344342689751953E-2</v>
      </c>
      <c r="AW70" s="268">
        <v>0.39137705807508388</v>
      </c>
      <c r="AX70" s="277">
        <v>1.9563055677887131E-2</v>
      </c>
    </row>
    <row r="71" spans="1:50" s="5" customFormat="1">
      <c r="A71" s="44" t="s">
        <v>536</v>
      </c>
      <c r="B71" s="69">
        <v>364</v>
      </c>
      <c r="C71" s="70">
        <v>73.079836980876891</v>
      </c>
      <c r="D71" s="71">
        <v>2.0993304772172174</v>
      </c>
      <c r="E71" s="274">
        <v>0.18443711433750323</v>
      </c>
      <c r="F71" s="275">
        <v>4.0723495150441297E-2</v>
      </c>
      <c r="G71" s="276">
        <v>0.41057005015357406</v>
      </c>
      <c r="H71" s="275">
        <v>5.1306326687434275E-2</v>
      </c>
      <c r="I71" s="69">
        <v>362</v>
      </c>
      <c r="J71" s="70">
        <v>65.47174897948301</v>
      </c>
      <c r="K71" s="71">
        <v>2.3340288694261475</v>
      </c>
      <c r="L71" s="274">
        <v>0.31238779886220802</v>
      </c>
      <c r="M71" s="275">
        <v>4.8537836111535518E-2</v>
      </c>
      <c r="N71" s="276">
        <v>0.30396362082413114</v>
      </c>
      <c r="O71" s="275">
        <v>4.818057490921554E-2</v>
      </c>
      <c r="P71" s="69">
        <v>363</v>
      </c>
      <c r="Q71" s="70">
        <v>66.904406855967764</v>
      </c>
      <c r="R71" s="71">
        <v>2.2953088443823524</v>
      </c>
      <c r="S71" s="274">
        <v>0.28557856565726369</v>
      </c>
      <c r="T71" s="275">
        <v>4.7271054504486869E-2</v>
      </c>
      <c r="U71" s="276">
        <v>0.31364634005786413</v>
      </c>
      <c r="V71" s="275">
        <v>4.8523170098491934E-2</v>
      </c>
      <c r="W71" s="69">
        <v>363</v>
      </c>
      <c r="X71" s="70">
        <v>74.088181911323005</v>
      </c>
      <c r="Y71" s="71">
        <v>2.2774847234393905</v>
      </c>
      <c r="Z71" s="274">
        <v>0.20612902658852852</v>
      </c>
      <c r="AA71" s="275">
        <v>4.2472892735089716E-2</v>
      </c>
      <c r="AB71" s="276">
        <v>0.48990870659860947</v>
      </c>
      <c r="AC71" s="275">
        <v>5.2189173140874325E-2</v>
      </c>
      <c r="AD71" s="69">
        <v>363</v>
      </c>
      <c r="AE71" s="70">
        <v>76.744049649002108</v>
      </c>
      <c r="AF71" s="71">
        <v>2.0553500991315157</v>
      </c>
      <c r="AG71" s="274">
        <v>0.18816180738618368</v>
      </c>
      <c r="AH71" s="275">
        <v>4.1084100573573888E-2</v>
      </c>
      <c r="AI71" s="276">
        <v>0.53534369187376685</v>
      </c>
      <c r="AJ71" s="275">
        <v>5.207183311981195E-2</v>
      </c>
      <c r="AK71" s="69">
        <v>363</v>
      </c>
      <c r="AL71" s="70">
        <v>68.931270290059231</v>
      </c>
      <c r="AM71" s="71">
        <v>2.3967598159093204</v>
      </c>
      <c r="AN71" s="274">
        <v>0.27635105084536016</v>
      </c>
      <c r="AO71" s="275">
        <v>4.6812925263093115E-2</v>
      </c>
      <c r="AP71" s="276">
        <v>0.34703241691751929</v>
      </c>
      <c r="AQ71" s="275">
        <v>4.9752323963027853E-2</v>
      </c>
      <c r="AR71" s="69">
        <v>363</v>
      </c>
      <c r="AS71" s="70">
        <v>62.992470488569452</v>
      </c>
      <c r="AT71" s="71">
        <v>2.6767656276463412</v>
      </c>
      <c r="AU71" s="274">
        <v>0.3907125435682503</v>
      </c>
      <c r="AV71" s="275">
        <v>5.0965093276706556E-2</v>
      </c>
      <c r="AW71" s="276">
        <v>0.29056727406105332</v>
      </c>
      <c r="AX71" s="275">
        <v>4.7508937255308512E-2</v>
      </c>
    </row>
    <row r="72" spans="1:50" s="5" customFormat="1">
      <c r="A72" s="40" t="s">
        <v>537</v>
      </c>
      <c r="B72" s="49">
        <v>85</v>
      </c>
      <c r="C72" s="50">
        <v>77.326907030959319</v>
      </c>
      <c r="D72" s="51">
        <v>3.3599313718481549</v>
      </c>
      <c r="E72" s="268">
        <v>0.10693907926401224</v>
      </c>
      <c r="F72" s="277">
        <v>7.001714003178916E-2</v>
      </c>
      <c r="G72" s="268">
        <v>0.42939079181804524</v>
      </c>
      <c r="H72" s="277">
        <v>0.10503127799287484</v>
      </c>
      <c r="I72" s="49">
        <v>84</v>
      </c>
      <c r="J72" s="50">
        <v>68.644032670045931</v>
      </c>
      <c r="K72" s="51">
        <v>4.2121356356507738</v>
      </c>
      <c r="L72" s="268">
        <v>0.28960119675733137</v>
      </c>
      <c r="M72" s="277">
        <v>9.7622932732059603E-2</v>
      </c>
      <c r="N72" s="268">
        <v>0.27785167665989063</v>
      </c>
      <c r="O72" s="277">
        <v>9.6538855198294804E-2</v>
      </c>
      <c r="P72" s="49">
        <v>85</v>
      </c>
      <c r="Q72" s="50">
        <v>71.139459710813384</v>
      </c>
      <c r="R72" s="51">
        <v>3.954681871640545</v>
      </c>
      <c r="S72" s="268">
        <v>0.26479186141824707</v>
      </c>
      <c r="T72" s="277">
        <v>9.4699578061627501E-2</v>
      </c>
      <c r="U72" s="268">
        <v>0.37930920590015388</v>
      </c>
      <c r="V72" s="277">
        <v>0.10314463207956197</v>
      </c>
      <c r="W72" s="49">
        <v>85</v>
      </c>
      <c r="X72" s="50">
        <v>73.191570764406507</v>
      </c>
      <c r="Y72" s="51">
        <v>4.7932213380823292</v>
      </c>
      <c r="Z72" s="268">
        <v>0.24019121355306985</v>
      </c>
      <c r="AA72" s="277">
        <v>9.20260141529637E-2</v>
      </c>
      <c r="AB72" s="268">
        <v>0.54207687835537721</v>
      </c>
      <c r="AC72" s="277">
        <v>0.10565687582849001</v>
      </c>
      <c r="AD72" s="49">
        <v>85</v>
      </c>
      <c r="AE72" s="50">
        <v>79.255452958230904</v>
      </c>
      <c r="AF72" s="51">
        <v>4.0936285531612659</v>
      </c>
      <c r="AG72" s="268">
        <v>0.19272612557594215</v>
      </c>
      <c r="AH72" s="277">
        <v>8.5821605059536551E-2</v>
      </c>
      <c r="AI72" s="268">
        <v>0.59518644153630351</v>
      </c>
      <c r="AJ72" s="277">
        <v>0.10423302824721183</v>
      </c>
      <c r="AK72" s="49">
        <v>84</v>
      </c>
      <c r="AL72" s="50">
        <v>69.488191770564143</v>
      </c>
      <c r="AM72" s="51">
        <v>4.6497008871568042</v>
      </c>
      <c r="AN72" s="268">
        <v>0.31527356532388018</v>
      </c>
      <c r="AO72" s="277">
        <v>9.9751465971211928E-2</v>
      </c>
      <c r="AP72" s="268">
        <v>0.34655975816499857</v>
      </c>
      <c r="AQ72" s="277">
        <v>0.10192417034332131</v>
      </c>
      <c r="AR72" s="49">
        <v>85</v>
      </c>
      <c r="AS72" s="50">
        <v>64.927049272718023</v>
      </c>
      <c r="AT72" s="51">
        <v>4.9769401159857667</v>
      </c>
      <c r="AU72" s="268">
        <v>0.43487418844822268</v>
      </c>
      <c r="AV72" s="277">
        <v>0.10517642923569891</v>
      </c>
      <c r="AW72" s="268">
        <v>0.30644964855780815</v>
      </c>
      <c r="AX72" s="277">
        <v>9.8489704707136735E-2</v>
      </c>
    </row>
    <row r="73" spans="1:50" s="5" customFormat="1">
      <c r="A73" s="44" t="s">
        <v>538</v>
      </c>
      <c r="B73" s="69">
        <v>64</v>
      </c>
      <c r="C73" s="70">
        <v>71.198859074774859</v>
      </c>
      <c r="D73" s="71">
        <v>5.8467478829937285</v>
      </c>
      <c r="E73" s="274">
        <v>0.20437126992611607</v>
      </c>
      <c r="F73" s="275">
        <v>0.10075689073418419</v>
      </c>
      <c r="G73" s="276">
        <v>0.4372449548429278</v>
      </c>
      <c r="H73" s="275">
        <v>0.12041875329643058</v>
      </c>
      <c r="I73" s="69">
        <v>64</v>
      </c>
      <c r="J73" s="70">
        <v>64.939397639068005</v>
      </c>
      <c r="K73" s="71">
        <v>5.7979315074968758</v>
      </c>
      <c r="L73" s="274">
        <v>0.33347657839280487</v>
      </c>
      <c r="M73" s="275">
        <v>0.11515625117594047</v>
      </c>
      <c r="N73" s="276">
        <v>0.31314188519941799</v>
      </c>
      <c r="O73" s="275">
        <v>0.1135188473336375</v>
      </c>
      <c r="P73" s="69">
        <v>64</v>
      </c>
      <c r="Q73" s="70">
        <v>64.997846035099897</v>
      </c>
      <c r="R73" s="71">
        <v>5.5007343575401109</v>
      </c>
      <c r="S73" s="274">
        <v>0.24061810986551538</v>
      </c>
      <c r="T73" s="275">
        <v>0.10583099963630391</v>
      </c>
      <c r="U73" s="276">
        <v>0.21363517506334639</v>
      </c>
      <c r="V73" s="275">
        <v>0.10214149885882626</v>
      </c>
      <c r="W73" s="69">
        <v>64</v>
      </c>
      <c r="X73" s="70">
        <v>72.531106338553258</v>
      </c>
      <c r="Y73" s="71">
        <v>5.4741692038356113</v>
      </c>
      <c r="Z73" s="274">
        <v>0.23392313258343031</v>
      </c>
      <c r="AA73" s="275">
        <v>0.1049613866369673</v>
      </c>
      <c r="AB73" s="276">
        <v>0.43078132632271349</v>
      </c>
      <c r="AC73" s="275">
        <v>0.12023405362925273</v>
      </c>
      <c r="AD73" s="69">
        <v>64</v>
      </c>
      <c r="AE73" s="70">
        <v>79.402771539174864</v>
      </c>
      <c r="AF73" s="71">
        <v>4.6550447731764919</v>
      </c>
      <c r="AG73" s="274">
        <v>0.16502724620760326</v>
      </c>
      <c r="AH73" s="275">
        <v>9.4123132495299286E-2</v>
      </c>
      <c r="AI73" s="276">
        <v>0.60276452002279823</v>
      </c>
      <c r="AJ73" s="275">
        <v>0.11897734064666905</v>
      </c>
      <c r="AK73" s="69">
        <v>64</v>
      </c>
      <c r="AL73" s="70">
        <v>68.335236513875785</v>
      </c>
      <c r="AM73" s="71">
        <v>5.8786984960061046</v>
      </c>
      <c r="AN73" s="274">
        <v>0.2246200556486134</v>
      </c>
      <c r="AO73" s="275">
        <v>0.10370352110212276</v>
      </c>
      <c r="AP73" s="276">
        <v>0.33297872793552991</v>
      </c>
      <c r="AQ73" s="275">
        <v>0.11511867613230876</v>
      </c>
      <c r="AR73" s="69">
        <v>64</v>
      </c>
      <c r="AS73" s="70">
        <v>63.377318387566504</v>
      </c>
      <c r="AT73" s="71">
        <v>7.043682366825057</v>
      </c>
      <c r="AU73" s="274">
        <v>0.35979428284582859</v>
      </c>
      <c r="AV73" s="275">
        <v>0.11696832181701224</v>
      </c>
      <c r="AW73" s="276">
        <v>0.34563928594999027</v>
      </c>
      <c r="AX73" s="275">
        <v>0.11603587840926166</v>
      </c>
    </row>
    <row r="74" spans="1:50" s="5" customFormat="1">
      <c r="A74" s="40" t="s">
        <v>539</v>
      </c>
      <c r="B74" s="49">
        <v>64</v>
      </c>
      <c r="C74" s="50">
        <v>72.65803472928647</v>
      </c>
      <c r="D74" s="51">
        <v>4.9181696546312947</v>
      </c>
      <c r="E74" s="268">
        <v>0.19280779702439049</v>
      </c>
      <c r="F74" s="277">
        <v>9.8938015854061867E-2</v>
      </c>
      <c r="G74" s="268">
        <v>0.39021477433861257</v>
      </c>
      <c r="H74" s="277">
        <v>0.11865012209015478</v>
      </c>
      <c r="I74" s="49">
        <v>64</v>
      </c>
      <c r="J74" s="50">
        <v>64.425344522724231</v>
      </c>
      <c r="K74" s="51">
        <v>6.0915761649683997</v>
      </c>
      <c r="L74" s="268">
        <v>0.31866832260840783</v>
      </c>
      <c r="M74" s="277">
        <v>0.11398488570236009</v>
      </c>
      <c r="N74" s="268">
        <v>0.31992136183225628</v>
      </c>
      <c r="O74" s="277">
        <v>0.11408834846967095</v>
      </c>
      <c r="P74" s="49">
        <v>64</v>
      </c>
      <c r="Q74" s="50">
        <v>63.83147920920932</v>
      </c>
      <c r="R74" s="51">
        <v>5.7455507280331952</v>
      </c>
      <c r="S74" s="268">
        <v>0.33250463112391743</v>
      </c>
      <c r="T74" s="277">
        <v>0.11508277816150587</v>
      </c>
      <c r="U74" s="268">
        <v>0.26617272993009738</v>
      </c>
      <c r="V74" s="277">
        <v>0.1088895813661364</v>
      </c>
      <c r="W74" s="49">
        <v>64</v>
      </c>
      <c r="X74" s="50">
        <v>75.784441875921104</v>
      </c>
      <c r="Y74" s="51">
        <v>5.1906711358241315</v>
      </c>
      <c r="Z74" s="268">
        <v>0.18190549797911387</v>
      </c>
      <c r="AA74" s="277">
        <v>9.7126292239297349E-2</v>
      </c>
      <c r="AB74" s="268">
        <v>0.51665954020829619</v>
      </c>
      <c r="AC74" s="277">
        <v>0.12120817075222283</v>
      </c>
      <c r="AD74" s="49">
        <v>64</v>
      </c>
      <c r="AE74" s="50">
        <v>66.682006075460066</v>
      </c>
      <c r="AF74" s="51">
        <v>5.8894399412151701</v>
      </c>
      <c r="AG74" s="268">
        <v>0.29967408924372285</v>
      </c>
      <c r="AH74" s="277">
        <v>0.11231570566042938</v>
      </c>
      <c r="AI74" s="268">
        <v>0.33958284453255955</v>
      </c>
      <c r="AJ74" s="277">
        <v>0.11560703781435314</v>
      </c>
      <c r="AK74" s="49">
        <v>64</v>
      </c>
      <c r="AL74" s="50">
        <v>65.039354937863862</v>
      </c>
      <c r="AM74" s="51">
        <v>5.9622946658389564</v>
      </c>
      <c r="AN74" s="268">
        <v>0.33765312044809725</v>
      </c>
      <c r="AO74" s="277">
        <v>0.11546658735084865</v>
      </c>
      <c r="AP74" s="268">
        <v>0.28266526786533963</v>
      </c>
      <c r="AQ74" s="277">
        <v>0.11065557586504969</v>
      </c>
      <c r="AR74" s="49">
        <v>63</v>
      </c>
      <c r="AS74" s="50">
        <v>60.718747090097423</v>
      </c>
      <c r="AT74" s="51">
        <v>6.3673343992327522</v>
      </c>
      <c r="AU74" s="268">
        <v>0.43628735104901184</v>
      </c>
      <c r="AV74" s="277">
        <v>0.12128932294350325</v>
      </c>
      <c r="AW74" s="268">
        <v>0.20987681830345534</v>
      </c>
      <c r="AX74" s="277">
        <v>0.10238319983156133</v>
      </c>
    </row>
    <row r="75" spans="1:50" s="5" customFormat="1">
      <c r="A75" s="44" t="s">
        <v>540</v>
      </c>
      <c r="B75" s="69">
        <v>76</v>
      </c>
      <c r="C75" s="70">
        <v>75.533017952273198</v>
      </c>
      <c r="D75" s="71">
        <v>4.0292754882603257</v>
      </c>
      <c r="E75" s="274">
        <v>0.1357739355378686</v>
      </c>
      <c r="F75" s="275">
        <v>8.0707429956820162E-2</v>
      </c>
      <c r="G75" s="276">
        <v>0.48192446469851091</v>
      </c>
      <c r="H75" s="275">
        <v>0.11173744464340658</v>
      </c>
      <c r="I75" s="69">
        <v>75</v>
      </c>
      <c r="J75" s="70">
        <v>63.998056106431932</v>
      </c>
      <c r="K75" s="71">
        <v>5.1141920421591598</v>
      </c>
      <c r="L75" s="274">
        <v>0.23852370444720269</v>
      </c>
      <c r="M75" s="275">
        <v>9.766343577335676E-2</v>
      </c>
      <c r="N75" s="276">
        <v>0.29494260901887137</v>
      </c>
      <c r="O75" s="275">
        <v>0.10363073349871221</v>
      </c>
      <c r="P75" s="69">
        <v>75</v>
      </c>
      <c r="Q75" s="70">
        <v>67.449768171159945</v>
      </c>
      <c r="R75" s="71">
        <v>4.9359495477342312</v>
      </c>
      <c r="S75" s="274">
        <v>0.26628234800804318</v>
      </c>
      <c r="T75" s="275">
        <v>0.10082383647161719</v>
      </c>
      <c r="U75" s="276">
        <v>0.34038414043526216</v>
      </c>
      <c r="V75" s="275">
        <v>0.10721737851346548</v>
      </c>
      <c r="W75" s="69">
        <v>75</v>
      </c>
      <c r="X75" s="70">
        <v>77.142084578114662</v>
      </c>
      <c r="Y75" s="71">
        <v>4.7978904938139886</v>
      </c>
      <c r="Z75" s="274">
        <v>0.15956286766076397</v>
      </c>
      <c r="AA75" s="275">
        <v>8.5844098709521643E-2</v>
      </c>
      <c r="AB75" s="276">
        <v>0.55607776375157036</v>
      </c>
      <c r="AC75" s="275">
        <v>0.11186919906017327</v>
      </c>
      <c r="AD75" s="69">
        <v>75</v>
      </c>
      <c r="AE75" s="70">
        <v>83.019013043413906</v>
      </c>
      <c r="AF75" s="71">
        <v>3.5162268961694356</v>
      </c>
      <c r="AG75" s="274">
        <v>7.1078999008816049E-2</v>
      </c>
      <c r="AH75" s="275">
        <v>6.5288192386174379E-2</v>
      </c>
      <c r="AI75" s="276">
        <v>0.63673221908811983</v>
      </c>
      <c r="AJ75" s="275">
        <v>0.10865101621713719</v>
      </c>
      <c r="AK75" s="69">
        <v>76</v>
      </c>
      <c r="AL75" s="70">
        <v>70.838717470634052</v>
      </c>
      <c r="AM75" s="71">
        <v>5.1440073219031444</v>
      </c>
      <c r="AN75" s="274">
        <v>0.23607086157552393</v>
      </c>
      <c r="AO75" s="275">
        <v>9.6729809889761653E-2</v>
      </c>
      <c r="AP75" s="276">
        <v>0.35107445225783435</v>
      </c>
      <c r="AQ75" s="275">
        <v>0.10723423335385968</v>
      </c>
      <c r="AR75" s="69">
        <v>76</v>
      </c>
      <c r="AS75" s="70">
        <v>62.772571824611347</v>
      </c>
      <c r="AT75" s="71">
        <v>5.6143141250829744</v>
      </c>
      <c r="AU75" s="274">
        <v>0.3247662586256545</v>
      </c>
      <c r="AV75" s="275">
        <v>0.1054246306930368</v>
      </c>
      <c r="AW75" s="276">
        <v>0.274199947413514</v>
      </c>
      <c r="AX75" s="275">
        <v>0.10099144480285842</v>
      </c>
    </row>
    <row r="76" spans="1:50" s="5" customFormat="1">
      <c r="A76" s="40" t="s">
        <v>541</v>
      </c>
      <c r="B76" s="66">
        <v>75</v>
      </c>
      <c r="C76" s="67">
        <v>68.455388432156226</v>
      </c>
      <c r="D76" s="68">
        <v>5.3069225706779592</v>
      </c>
      <c r="E76" s="271">
        <v>0.28388362597966738</v>
      </c>
      <c r="F76" s="272">
        <v>0.10260005254602403</v>
      </c>
      <c r="G76" s="273">
        <v>0.32872081571737971</v>
      </c>
      <c r="H76" s="272">
        <v>0.10639287639613321</v>
      </c>
      <c r="I76" s="66">
        <v>75</v>
      </c>
      <c r="J76" s="67">
        <v>64.796313168791443</v>
      </c>
      <c r="K76" s="68">
        <v>5.1494765670264337</v>
      </c>
      <c r="L76" s="271">
        <v>0.37322829715111155</v>
      </c>
      <c r="M76" s="272">
        <v>0.1092008215496571</v>
      </c>
      <c r="N76" s="273">
        <v>0.31494740928927006</v>
      </c>
      <c r="O76" s="272">
        <v>0.10533503870422249</v>
      </c>
      <c r="P76" s="66">
        <v>75</v>
      </c>
      <c r="Q76" s="67">
        <v>66.757033984885652</v>
      </c>
      <c r="R76" s="68">
        <v>5.5642176494283735</v>
      </c>
      <c r="S76" s="271">
        <v>0.3131992614950268</v>
      </c>
      <c r="T76" s="272">
        <v>0.1051941296856944</v>
      </c>
      <c r="U76" s="273">
        <v>0.35737513082998335</v>
      </c>
      <c r="V76" s="272">
        <v>0.10830475776811581</v>
      </c>
      <c r="W76" s="66">
        <v>75</v>
      </c>
      <c r="X76" s="67">
        <v>72.058360740159486</v>
      </c>
      <c r="Y76" s="68">
        <v>5.2709323721778167</v>
      </c>
      <c r="Z76" s="271">
        <v>0.20944398875096401</v>
      </c>
      <c r="AA76" s="272">
        <v>9.3837973520683002E-2</v>
      </c>
      <c r="AB76" s="273">
        <v>0.40021943709845681</v>
      </c>
      <c r="AC76" s="272">
        <v>0.11047115060678807</v>
      </c>
      <c r="AD76" s="66">
        <v>75</v>
      </c>
      <c r="AE76" s="67">
        <v>77.26434814390835</v>
      </c>
      <c r="AF76" s="68">
        <v>4.2914574828754057</v>
      </c>
      <c r="AG76" s="271">
        <v>0.18059853502299564</v>
      </c>
      <c r="AH76" s="272">
        <v>8.9457444426274776E-2</v>
      </c>
      <c r="AI76" s="273">
        <v>0.5368487379674487</v>
      </c>
      <c r="AJ76" s="272">
        <v>0.11223307375402899</v>
      </c>
      <c r="AK76" s="66">
        <v>75</v>
      </c>
      <c r="AL76" s="67">
        <v>71.411557603041473</v>
      </c>
      <c r="AM76" s="68">
        <v>5.3191375991375285</v>
      </c>
      <c r="AN76" s="271">
        <v>0.24734106809285028</v>
      </c>
      <c r="AO76" s="272">
        <v>9.8716898956842783E-2</v>
      </c>
      <c r="AP76" s="273">
        <v>0.42524238140010973</v>
      </c>
      <c r="AQ76" s="272">
        <v>0.11136959001634035</v>
      </c>
      <c r="AR76" s="66">
        <v>75</v>
      </c>
      <c r="AS76" s="67">
        <v>63.150460038473781</v>
      </c>
      <c r="AT76" s="68">
        <v>6.2830630658532689</v>
      </c>
      <c r="AU76" s="271">
        <v>0.37574721850021126</v>
      </c>
      <c r="AV76" s="272">
        <v>0.10933286399087486</v>
      </c>
      <c r="AW76" s="273">
        <v>0.32518292055486953</v>
      </c>
      <c r="AX76" s="272">
        <v>0.10612994797370892</v>
      </c>
    </row>
    <row r="77" spans="1:50">
      <c r="A77" s="44" t="s">
        <v>542</v>
      </c>
      <c r="B77" s="69">
        <v>605</v>
      </c>
      <c r="C77" s="70">
        <v>78.237595189179928</v>
      </c>
      <c r="D77" s="71">
        <v>1.559609249444293</v>
      </c>
      <c r="E77" s="274">
        <v>0.13004504115663668</v>
      </c>
      <c r="F77" s="275">
        <v>2.7474465718778821E-2</v>
      </c>
      <c r="G77" s="276">
        <v>0.54593277914119664</v>
      </c>
      <c r="H77" s="275">
        <v>4.0352942402285291E-2</v>
      </c>
      <c r="I77" s="69">
        <v>603</v>
      </c>
      <c r="J77" s="70">
        <v>67.678486498097371</v>
      </c>
      <c r="K77" s="71">
        <v>1.8087180567357202</v>
      </c>
      <c r="L77" s="274">
        <v>0.28103665553617058</v>
      </c>
      <c r="M77" s="275">
        <v>3.6546543691174896E-2</v>
      </c>
      <c r="N77" s="276">
        <v>0.35987543044060599</v>
      </c>
      <c r="O77" s="275">
        <v>3.8984052994520284E-2</v>
      </c>
      <c r="P77" s="69">
        <v>603</v>
      </c>
      <c r="Q77" s="70">
        <v>70.653273233128843</v>
      </c>
      <c r="R77" s="71">
        <v>1.8230641416042448</v>
      </c>
      <c r="S77" s="274">
        <v>0.23785612063038358</v>
      </c>
      <c r="T77" s="275">
        <v>3.4648937859467488E-2</v>
      </c>
      <c r="U77" s="276">
        <v>0.40025733487521697</v>
      </c>
      <c r="V77" s="275">
        <v>3.9783771993969756E-2</v>
      </c>
      <c r="W77" s="69">
        <v>601</v>
      </c>
      <c r="X77" s="70">
        <v>75.248085161091169</v>
      </c>
      <c r="Y77" s="71">
        <v>1.8718454310199242</v>
      </c>
      <c r="Z77" s="274">
        <v>0.2064521701211964</v>
      </c>
      <c r="AA77" s="275">
        <v>3.3025444453683384E-2</v>
      </c>
      <c r="AB77" s="276">
        <v>0.51754684083722724</v>
      </c>
      <c r="AC77" s="275">
        <v>4.0631068698108716E-2</v>
      </c>
      <c r="AD77" s="69">
        <v>604</v>
      </c>
      <c r="AE77" s="70">
        <v>79.946652537223969</v>
      </c>
      <c r="AF77" s="71">
        <v>1.6947780361563907</v>
      </c>
      <c r="AG77" s="274">
        <v>0.12707275694331283</v>
      </c>
      <c r="AH77" s="275">
        <v>2.7235472046810132E-2</v>
      </c>
      <c r="AI77" s="276">
        <v>0.58821780005031821</v>
      </c>
      <c r="AJ77" s="275">
        <v>3.9927539850425089E-2</v>
      </c>
      <c r="AK77" s="69">
        <v>603</v>
      </c>
      <c r="AL77" s="70">
        <v>71.716317252405574</v>
      </c>
      <c r="AM77" s="71">
        <v>1.9195642738319469</v>
      </c>
      <c r="AN77" s="274">
        <v>0.25640481581332925</v>
      </c>
      <c r="AO77" s="275">
        <v>3.5518365851156385E-2</v>
      </c>
      <c r="AP77" s="276">
        <v>0.43766416028546684</v>
      </c>
      <c r="AQ77" s="275">
        <v>4.0276252560547642E-2</v>
      </c>
      <c r="AR77" s="69">
        <v>604</v>
      </c>
      <c r="AS77" s="70">
        <v>70.215650832596893</v>
      </c>
      <c r="AT77" s="71">
        <v>2.0295616069478535</v>
      </c>
      <c r="AU77" s="274">
        <v>0.28416734151039358</v>
      </c>
      <c r="AV77" s="275">
        <v>3.6637196295802324E-2</v>
      </c>
      <c r="AW77" s="276">
        <v>0.41741168247576432</v>
      </c>
      <c r="AX77" s="275">
        <v>4.0005642887439873E-2</v>
      </c>
    </row>
    <row r="78" spans="1:50">
      <c r="A78" s="40" t="s">
        <v>543</v>
      </c>
      <c r="B78" s="49">
        <v>59</v>
      </c>
      <c r="C78" s="50">
        <v>77.460877739929117</v>
      </c>
      <c r="D78" s="51">
        <v>5.3708403352865783</v>
      </c>
      <c r="E78" s="268">
        <v>0.16721721504838555</v>
      </c>
      <c r="F78" s="277">
        <v>9.851982615185681E-2</v>
      </c>
      <c r="G78" s="268">
        <v>0.52407179364645951</v>
      </c>
      <c r="H78" s="277">
        <v>0.12586003663767603</v>
      </c>
      <c r="I78" s="49">
        <v>58</v>
      </c>
      <c r="J78" s="50">
        <v>70.088671564835309</v>
      </c>
      <c r="K78" s="51">
        <v>5.1782049234275096</v>
      </c>
      <c r="L78" s="268">
        <v>0.27819886044162984</v>
      </c>
      <c r="M78" s="277">
        <v>0.11554843242300387</v>
      </c>
      <c r="N78" s="268">
        <v>0.34368007316344446</v>
      </c>
      <c r="O78" s="277">
        <v>0.12144702601044517</v>
      </c>
      <c r="P78" s="49">
        <v>59</v>
      </c>
      <c r="Q78" s="50">
        <v>69.870592122038445</v>
      </c>
      <c r="R78" s="51">
        <v>5.9396115800195997</v>
      </c>
      <c r="S78" s="268">
        <v>0.29856184358562643</v>
      </c>
      <c r="T78" s="277">
        <v>0.11667667141575394</v>
      </c>
      <c r="U78" s="268">
        <v>0.39535360920721196</v>
      </c>
      <c r="V78" s="277">
        <v>0.12354436863732191</v>
      </c>
      <c r="W78" s="49">
        <v>58</v>
      </c>
      <c r="X78" s="50">
        <v>74.078967646861884</v>
      </c>
      <c r="Y78" s="51">
        <v>6.8438056969031429</v>
      </c>
      <c r="Z78" s="268">
        <v>0.22324451656434963</v>
      </c>
      <c r="AA78" s="277">
        <v>0.10864877991474871</v>
      </c>
      <c r="AB78" s="268">
        <v>0.47700261376857239</v>
      </c>
      <c r="AC78" s="277">
        <v>0.12688251141732873</v>
      </c>
      <c r="AD78" s="49">
        <v>59</v>
      </c>
      <c r="AE78" s="50">
        <v>86.907069498790605</v>
      </c>
      <c r="AF78" s="51">
        <v>4.6709408144405824</v>
      </c>
      <c r="AG78" s="268">
        <v>3.0133854910840516E-2</v>
      </c>
      <c r="AH78" s="277">
        <v>5.9825476226642541E-2</v>
      </c>
      <c r="AI78" s="268">
        <v>0.8181980560469444</v>
      </c>
      <c r="AJ78" s="277">
        <v>0.10116746357979363</v>
      </c>
      <c r="AK78" s="49">
        <v>59</v>
      </c>
      <c r="AL78" s="50">
        <v>71.97740525366703</v>
      </c>
      <c r="AM78" s="51">
        <v>7.3170141916291271</v>
      </c>
      <c r="AN78" s="268">
        <v>0.26215192466181153</v>
      </c>
      <c r="AO78" s="277">
        <v>0.11279534709185779</v>
      </c>
      <c r="AP78" s="268">
        <v>0.50079766529995073</v>
      </c>
      <c r="AQ78" s="277">
        <v>0.12598801705712667</v>
      </c>
      <c r="AR78" s="49">
        <v>59</v>
      </c>
      <c r="AS78" s="50">
        <v>74.851941699165337</v>
      </c>
      <c r="AT78" s="51">
        <v>6.8403529489244184</v>
      </c>
      <c r="AU78" s="268">
        <v>0.30751557279263247</v>
      </c>
      <c r="AV78" s="277">
        <v>0.11751532989760743</v>
      </c>
      <c r="AW78" s="268">
        <v>0.53043180767135767</v>
      </c>
      <c r="AX78" s="277">
        <v>0.125783328726947</v>
      </c>
    </row>
    <row r="79" spans="1:50">
      <c r="A79" s="44" t="s">
        <v>550</v>
      </c>
      <c r="B79" s="69">
        <v>106</v>
      </c>
      <c r="C79" s="70">
        <v>76.206709881493467</v>
      </c>
      <c r="D79" s="71">
        <v>3.8594897188613468</v>
      </c>
      <c r="E79" s="274">
        <v>0.15668568585658502</v>
      </c>
      <c r="F79" s="275">
        <v>7.14909802432072E-2</v>
      </c>
      <c r="G79" s="276">
        <v>0.50487244347838744</v>
      </c>
      <c r="H79" s="275">
        <v>9.5342054919716507E-2</v>
      </c>
      <c r="I79" s="69">
        <v>106</v>
      </c>
      <c r="J79" s="70">
        <v>68.267175644424981</v>
      </c>
      <c r="K79" s="71">
        <v>4.3522865545864127</v>
      </c>
      <c r="L79" s="274">
        <v>0.29013659692495297</v>
      </c>
      <c r="M79" s="275">
        <v>8.719929430629858E-2</v>
      </c>
      <c r="N79" s="276">
        <v>0.35969821307455307</v>
      </c>
      <c r="O79" s="275">
        <v>9.1794431604153431E-2</v>
      </c>
      <c r="P79" s="69">
        <v>106</v>
      </c>
      <c r="Q79" s="70">
        <v>67.775106404255823</v>
      </c>
      <c r="R79" s="71">
        <v>5.0346084646485094</v>
      </c>
      <c r="S79" s="274">
        <v>0.28693520859262861</v>
      </c>
      <c r="T79" s="275">
        <v>8.6936745529726661E-2</v>
      </c>
      <c r="U79" s="276">
        <v>0.39251826768106624</v>
      </c>
      <c r="V79" s="275">
        <v>9.3278190055070515E-2</v>
      </c>
      <c r="W79" s="69">
        <v>107</v>
      </c>
      <c r="X79" s="70">
        <v>73.696802703951917</v>
      </c>
      <c r="Y79" s="71">
        <v>4.6794149606248547</v>
      </c>
      <c r="Z79" s="274">
        <v>0.22415821226125016</v>
      </c>
      <c r="AA79" s="275">
        <v>8.038115716584382E-2</v>
      </c>
      <c r="AB79" s="276">
        <v>0.51925221230125207</v>
      </c>
      <c r="AC79" s="275">
        <v>9.4850396067151815E-2</v>
      </c>
      <c r="AD79" s="69">
        <v>105</v>
      </c>
      <c r="AE79" s="70">
        <v>77.55537980977941</v>
      </c>
      <c r="AF79" s="71">
        <v>4.0515549067479215</v>
      </c>
      <c r="AG79" s="274">
        <v>0.15674706034118407</v>
      </c>
      <c r="AH79" s="275">
        <v>7.1847513861894252E-2</v>
      </c>
      <c r="AI79" s="276">
        <v>0.47339067596311885</v>
      </c>
      <c r="AJ79" s="275">
        <v>9.5656679249174453E-2</v>
      </c>
      <c r="AK79" s="69">
        <v>105</v>
      </c>
      <c r="AL79" s="70">
        <v>66.647965186027037</v>
      </c>
      <c r="AM79" s="71">
        <v>4.9675973246114857</v>
      </c>
      <c r="AN79" s="274">
        <v>0.34642504144897912</v>
      </c>
      <c r="AO79" s="275">
        <v>9.1494021250563273E-2</v>
      </c>
      <c r="AP79" s="276">
        <v>0.35228765728566003</v>
      </c>
      <c r="AQ79" s="275">
        <v>9.1822139666540029E-2</v>
      </c>
      <c r="AR79" s="69">
        <v>106</v>
      </c>
      <c r="AS79" s="70">
        <v>63.031793348607906</v>
      </c>
      <c r="AT79" s="71">
        <v>5.5455884957834982</v>
      </c>
      <c r="AU79" s="274">
        <v>0.38686650316812993</v>
      </c>
      <c r="AV79" s="275">
        <v>9.3052231157338877E-2</v>
      </c>
      <c r="AW79" s="276">
        <v>0.35669428648009061</v>
      </c>
      <c r="AX79" s="275">
        <v>9.1637602915363478E-2</v>
      </c>
    </row>
    <row r="80" spans="1:50">
      <c r="A80" s="52" t="s">
        <v>544</v>
      </c>
      <c r="B80" s="66">
        <v>121</v>
      </c>
      <c r="C80" s="67">
        <v>79.795284584760921</v>
      </c>
      <c r="D80" s="68">
        <v>3.4063221397532621</v>
      </c>
      <c r="E80" s="271">
        <v>0.1121042553957345</v>
      </c>
      <c r="F80" s="272">
        <v>5.9062666665233791E-2</v>
      </c>
      <c r="G80" s="273">
        <v>0.57871718455803178</v>
      </c>
      <c r="H80" s="272">
        <v>8.8397978082920811E-2</v>
      </c>
      <c r="I80" s="66">
        <v>121</v>
      </c>
      <c r="J80" s="67">
        <v>66.1626740755528</v>
      </c>
      <c r="K80" s="68">
        <v>4.0989260422476006</v>
      </c>
      <c r="L80" s="271">
        <v>0.26570010889379303</v>
      </c>
      <c r="M80" s="272">
        <v>7.9711624079471702E-2</v>
      </c>
      <c r="N80" s="273">
        <v>0.33991463069434269</v>
      </c>
      <c r="O80" s="272">
        <v>8.5038641754496713E-2</v>
      </c>
      <c r="P80" s="66">
        <v>120</v>
      </c>
      <c r="Q80" s="67">
        <v>68.425452242516556</v>
      </c>
      <c r="R80" s="68">
        <v>4.3359342066554065</v>
      </c>
      <c r="S80" s="271">
        <v>0.2275625192877942</v>
      </c>
      <c r="T80" s="272">
        <v>7.6303534899646641E-2</v>
      </c>
      <c r="U80" s="273">
        <v>0.35671319499375598</v>
      </c>
      <c r="V80" s="272">
        <v>8.628013542519726E-2</v>
      </c>
      <c r="W80" s="66">
        <v>121</v>
      </c>
      <c r="X80" s="67">
        <v>73.350264191880072</v>
      </c>
      <c r="Y80" s="68">
        <v>4.340960585169416</v>
      </c>
      <c r="Z80" s="271">
        <v>0.27137543047254897</v>
      </c>
      <c r="AA80" s="272">
        <v>8.0204241475195462E-2</v>
      </c>
      <c r="AB80" s="273">
        <v>0.52265436872320059</v>
      </c>
      <c r="AC80" s="272">
        <v>8.9356651709349935E-2</v>
      </c>
      <c r="AD80" s="66">
        <v>121</v>
      </c>
      <c r="AE80" s="67">
        <v>73.064869847596896</v>
      </c>
      <c r="AF80" s="68">
        <v>4.7697132601851786</v>
      </c>
      <c r="AG80" s="271">
        <v>0.20752975678935026</v>
      </c>
      <c r="AH80" s="272">
        <v>7.3723385928402468E-2</v>
      </c>
      <c r="AI80" s="273">
        <v>0.42771626076776342</v>
      </c>
      <c r="AJ80" s="272">
        <v>8.8562584749703299E-2</v>
      </c>
      <c r="AK80" s="66">
        <v>121</v>
      </c>
      <c r="AL80" s="67">
        <v>67.479615748020507</v>
      </c>
      <c r="AM80" s="68">
        <v>4.5222331046515105</v>
      </c>
      <c r="AN80" s="271">
        <v>0.31881703376196874</v>
      </c>
      <c r="AO80" s="272">
        <v>8.3759668142194058E-2</v>
      </c>
      <c r="AP80" s="273">
        <v>0.39619609005524248</v>
      </c>
      <c r="AQ80" s="272">
        <v>8.7617958073899535E-2</v>
      </c>
      <c r="AR80" s="66">
        <v>120</v>
      </c>
      <c r="AS80" s="67">
        <v>68.308527521634559</v>
      </c>
      <c r="AT80" s="68">
        <v>4.8523270780003509</v>
      </c>
      <c r="AU80" s="271">
        <v>0.2826556970621632</v>
      </c>
      <c r="AV80" s="272">
        <v>8.1470348157444861E-2</v>
      </c>
      <c r="AW80" s="273">
        <v>0.38980105422680572</v>
      </c>
      <c r="AX80" s="272">
        <v>8.7736229904821827E-2</v>
      </c>
    </row>
    <row r="81" spans="1:50">
      <c r="A81" s="44" t="s">
        <v>545</v>
      </c>
      <c r="B81" s="69">
        <v>154</v>
      </c>
      <c r="C81" s="70">
        <v>76.784831982579036</v>
      </c>
      <c r="D81" s="71">
        <v>3.0286268911657115</v>
      </c>
      <c r="E81" s="274">
        <v>0.16987187222936026</v>
      </c>
      <c r="F81" s="275">
        <v>6.0892886898923422E-2</v>
      </c>
      <c r="G81" s="276">
        <v>0.51876220480164714</v>
      </c>
      <c r="H81" s="275">
        <v>7.9502500218181699E-2</v>
      </c>
      <c r="I81" s="69">
        <v>155</v>
      </c>
      <c r="J81" s="70">
        <v>68.378052682951861</v>
      </c>
      <c r="K81" s="71">
        <v>3.483469437054286</v>
      </c>
      <c r="L81" s="274">
        <v>0.26098537260630389</v>
      </c>
      <c r="M81" s="275">
        <v>7.0167852078812293E-2</v>
      </c>
      <c r="N81" s="276">
        <v>0.40314742612142923</v>
      </c>
      <c r="O81" s="275">
        <v>7.7878410805121437E-2</v>
      </c>
      <c r="P81" s="69">
        <v>155</v>
      </c>
      <c r="Q81" s="70">
        <v>71.628910407126341</v>
      </c>
      <c r="R81" s="71">
        <v>3.0821988384414323</v>
      </c>
      <c r="S81" s="274">
        <v>0.21295051736156259</v>
      </c>
      <c r="T81" s="275">
        <v>6.5722157264506184E-2</v>
      </c>
      <c r="U81" s="276">
        <v>0.37093714424510543</v>
      </c>
      <c r="V81" s="275">
        <v>7.6753355904447873E-2</v>
      </c>
      <c r="W81" s="69">
        <v>153</v>
      </c>
      <c r="X81" s="70">
        <v>75.37671806754372</v>
      </c>
      <c r="Y81" s="71">
        <v>3.3906001921547881</v>
      </c>
      <c r="Z81" s="274">
        <v>0.1630929764119643</v>
      </c>
      <c r="AA81" s="275">
        <v>6.0191571373672932E-2</v>
      </c>
      <c r="AB81" s="276">
        <v>0.47988745949500911</v>
      </c>
      <c r="AC81" s="275">
        <v>7.9747345515253906E-2</v>
      </c>
      <c r="AD81" s="69">
        <v>155</v>
      </c>
      <c r="AE81" s="70">
        <v>81.505785451678292</v>
      </c>
      <c r="AF81" s="71">
        <v>2.9220206272410429</v>
      </c>
      <c r="AG81" s="274">
        <v>0.10244773190681591</v>
      </c>
      <c r="AH81" s="275">
        <v>5.0107873242442834E-2</v>
      </c>
      <c r="AI81" s="276">
        <v>0.66406372730774843</v>
      </c>
      <c r="AJ81" s="275">
        <v>7.5138508213162938E-2</v>
      </c>
      <c r="AK81" s="69">
        <v>154</v>
      </c>
      <c r="AL81" s="70">
        <v>74.241845622440849</v>
      </c>
      <c r="AM81" s="71">
        <v>3.3499384815505771</v>
      </c>
      <c r="AN81" s="274">
        <v>0.22290463362377505</v>
      </c>
      <c r="AO81" s="275">
        <v>6.6951075070190741E-2</v>
      </c>
      <c r="AP81" s="276">
        <v>0.45467300419976353</v>
      </c>
      <c r="AQ81" s="275">
        <v>7.9244561977566089E-2</v>
      </c>
      <c r="AR81" s="69">
        <v>155</v>
      </c>
      <c r="AS81" s="70">
        <v>71.572828606073713</v>
      </c>
      <c r="AT81" s="71">
        <v>3.5992126708181171</v>
      </c>
      <c r="AU81" s="274">
        <v>0.25988481114355028</v>
      </c>
      <c r="AV81" s="275">
        <v>7.0077962446300449E-2</v>
      </c>
      <c r="AW81" s="276">
        <v>0.42115940242681105</v>
      </c>
      <c r="AX81" s="275">
        <v>7.8362642381787709E-2</v>
      </c>
    </row>
    <row r="82" spans="1:50">
      <c r="A82" s="52" t="s">
        <v>546</v>
      </c>
      <c r="B82" s="66">
        <v>70</v>
      </c>
      <c r="C82" s="67">
        <v>82.184865979523394</v>
      </c>
      <c r="D82" s="68">
        <v>4.0541186786858576</v>
      </c>
      <c r="E82" s="271">
        <v>2.8810937520939803E-2</v>
      </c>
      <c r="F82" s="272">
        <v>5.2676591671958387E-2</v>
      </c>
      <c r="G82" s="273">
        <v>0.6465638939545042</v>
      </c>
      <c r="H82" s="272">
        <v>0.11168936859791477</v>
      </c>
      <c r="I82" s="66">
        <v>70</v>
      </c>
      <c r="J82" s="67">
        <v>70.247268781740345</v>
      </c>
      <c r="K82" s="68">
        <v>5.1617442507494422</v>
      </c>
      <c r="L82" s="271">
        <v>0.22221180973264773</v>
      </c>
      <c r="M82" s="272">
        <v>9.8899499674782634E-2</v>
      </c>
      <c r="N82" s="273">
        <v>0.40781824687038459</v>
      </c>
      <c r="O82" s="272">
        <v>0.11446617395574946</v>
      </c>
      <c r="P82" s="66">
        <v>69</v>
      </c>
      <c r="Q82" s="67">
        <v>75.674514535610371</v>
      </c>
      <c r="R82" s="68">
        <v>4.9444329369095286</v>
      </c>
      <c r="S82" s="271">
        <v>0.17873523748993672</v>
      </c>
      <c r="T82" s="272">
        <v>9.2983977758228392E-2</v>
      </c>
      <c r="U82" s="273">
        <v>0.53916453116255569</v>
      </c>
      <c r="V82" s="272">
        <v>0.11671992668953446</v>
      </c>
      <c r="W82" s="66">
        <v>68</v>
      </c>
      <c r="X82" s="67">
        <v>78.989207328180882</v>
      </c>
      <c r="Y82" s="68">
        <v>5.3440416227391374</v>
      </c>
      <c r="Z82" s="271">
        <v>0.14902812240745469</v>
      </c>
      <c r="AA82" s="272">
        <v>8.8231185784436089E-2</v>
      </c>
      <c r="AB82" s="273">
        <v>0.52793159621873353</v>
      </c>
      <c r="AC82" s="272">
        <v>0.11768699163352811</v>
      </c>
      <c r="AD82" s="66">
        <v>70</v>
      </c>
      <c r="AE82" s="67">
        <v>82.79067475733882</v>
      </c>
      <c r="AF82" s="68">
        <v>3.7403181760340942</v>
      </c>
      <c r="AG82" s="271">
        <v>7.1116131949152228E-2</v>
      </c>
      <c r="AH82" s="272">
        <v>6.7945420897046152E-2</v>
      </c>
      <c r="AI82" s="273">
        <v>0.59655471667687821</v>
      </c>
      <c r="AJ82" s="272">
        <v>0.11429166544557534</v>
      </c>
      <c r="AK82" s="66">
        <v>70</v>
      </c>
      <c r="AL82" s="67">
        <v>79.442718299522767</v>
      </c>
      <c r="AM82" s="68">
        <v>4.3471100245125376</v>
      </c>
      <c r="AN82" s="271">
        <v>0.11758593225220565</v>
      </c>
      <c r="AO82" s="272">
        <v>8.0250275789550643E-2</v>
      </c>
      <c r="AP82" s="273">
        <v>0.52252589304602726</v>
      </c>
      <c r="AQ82" s="272">
        <v>0.11614202799194799</v>
      </c>
      <c r="AR82" s="66">
        <v>70</v>
      </c>
      <c r="AS82" s="67">
        <v>76.602438961461317</v>
      </c>
      <c r="AT82" s="68">
        <v>4.4654233874276139</v>
      </c>
      <c r="AU82" s="271">
        <v>0.14485412243885504</v>
      </c>
      <c r="AV82" s="272">
        <v>8.6098121804157546E-2</v>
      </c>
      <c r="AW82" s="273">
        <v>0.46947199118518101</v>
      </c>
      <c r="AX82" s="272">
        <v>0.11605359200054245</v>
      </c>
    </row>
    <row r="83" spans="1:50">
      <c r="A83" s="44" t="s">
        <v>547</v>
      </c>
      <c r="B83" s="69">
        <v>95</v>
      </c>
      <c r="C83" s="70">
        <v>78.522773551381135</v>
      </c>
      <c r="D83" s="71">
        <v>4.1650464958800359</v>
      </c>
      <c r="E83" s="274">
        <v>0.10672498904167918</v>
      </c>
      <c r="F83" s="275">
        <v>6.5929401359229922E-2</v>
      </c>
      <c r="G83" s="276">
        <v>0.52695407877380018</v>
      </c>
      <c r="H83" s="275">
        <v>0.10036921747859118</v>
      </c>
      <c r="I83" s="69">
        <v>93</v>
      </c>
      <c r="J83" s="70">
        <v>63.169890506273767</v>
      </c>
      <c r="K83" s="71">
        <v>4.9275445832586131</v>
      </c>
      <c r="L83" s="274">
        <v>0.40824800361493319</v>
      </c>
      <c r="M83" s="275">
        <v>9.9950824823376042E-2</v>
      </c>
      <c r="N83" s="276">
        <v>0.25665675339669392</v>
      </c>
      <c r="O83" s="275">
        <v>8.9803257161083047E-2</v>
      </c>
      <c r="P83" s="69">
        <v>94</v>
      </c>
      <c r="Q83" s="70">
        <v>72.81405809649614</v>
      </c>
      <c r="R83" s="71">
        <v>4.50893430494662</v>
      </c>
      <c r="S83" s="274">
        <v>0.24549703328270631</v>
      </c>
      <c r="T83" s="275">
        <v>8.8157517321725373E-2</v>
      </c>
      <c r="U83" s="276">
        <v>0.41846265120080611</v>
      </c>
      <c r="V83" s="275">
        <v>9.9771843063229587E-2</v>
      </c>
      <c r="W83" s="69">
        <v>94</v>
      </c>
      <c r="X83" s="70">
        <v>78.199314621350737</v>
      </c>
      <c r="Y83" s="71">
        <v>4.5078081876191964</v>
      </c>
      <c r="Z83" s="274">
        <v>0.19919333928064667</v>
      </c>
      <c r="AA83" s="275">
        <v>8.2499501479959589E-2</v>
      </c>
      <c r="AB83" s="276">
        <v>0.61013149527398891</v>
      </c>
      <c r="AC83" s="275">
        <v>9.8735053701037828E-2</v>
      </c>
      <c r="AD83" s="69">
        <v>94</v>
      </c>
      <c r="AE83" s="70">
        <v>84.878180767639265</v>
      </c>
      <c r="AF83" s="71">
        <v>3.8578491445870831</v>
      </c>
      <c r="AG83" s="274">
        <v>0.11756904337276092</v>
      </c>
      <c r="AH83" s="275">
        <v>6.8643404265998423E-2</v>
      </c>
      <c r="AI83" s="276">
        <v>0.72362015799019086</v>
      </c>
      <c r="AJ83" s="275">
        <v>9.1248223191783495E-2</v>
      </c>
      <c r="AK83" s="69">
        <v>94</v>
      </c>
      <c r="AL83" s="70">
        <v>74.044915089420471</v>
      </c>
      <c r="AM83" s="71">
        <v>4.7792601909764834</v>
      </c>
      <c r="AN83" s="274">
        <v>0.20683032946256893</v>
      </c>
      <c r="AO83" s="275">
        <v>8.3525520230504816E-2</v>
      </c>
      <c r="AP83" s="276">
        <v>0.48286856396591765</v>
      </c>
      <c r="AQ83" s="275">
        <v>0.10096068804720869</v>
      </c>
      <c r="AR83" s="69">
        <v>94</v>
      </c>
      <c r="AS83" s="70">
        <v>72.641213520679514</v>
      </c>
      <c r="AT83" s="71">
        <v>5.0717676570849335</v>
      </c>
      <c r="AU83" s="274">
        <v>0.29710233621515764</v>
      </c>
      <c r="AV83" s="275">
        <v>9.3049156048108969E-2</v>
      </c>
      <c r="AW83" s="276">
        <v>0.42237747526759528</v>
      </c>
      <c r="AX83" s="275">
        <v>9.9889033003793037E-2</v>
      </c>
    </row>
    <row r="84" spans="1:50">
      <c r="A84" s="52" t="s">
        <v>551</v>
      </c>
      <c r="B84" s="66">
        <v>712</v>
      </c>
      <c r="C84" s="67">
        <v>71.680494865809351</v>
      </c>
      <c r="D84" s="68">
        <v>1.6225627407437597</v>
      </c>
      <c r="E84" s="271">
        <v>0.24885349769645149</v>
      </c>
      <c r="F84" s="272">
        <v>3.2375952312101518E-2</v>
      </c>
      <c r="G84" s="273">
        <v>0.4175882681612621</v>
      </c>
      <c r="H84" s="272">
        <v>3.6866358325015912E-2</v>
      </c>
      <c r="I84" s="66">
        <v>710</v>
      </c>
      <c r="J84" s="67">
        <v>68.426636248242417</v>
      </c>
      <c r="K84" s="68">
        <v>1.6547398552619297</v>
      </c>
      <c r="L84" s="271">
        <v>0.26861797119884501</v>
      </c>
      <c r="M84" s="272">
        <v>3.3226203591620075E-2</v>
      </c>
      <c r="N84" s="273">
        <v>0.33606493523211362</v>
      </c>
      <c r="O84" s="272">
        <v>3.5379144359161029E-2</v>
      </c>
      <c r="P84" s="66">
        <v>712</v>
      </c>
      <c r="Q84" s="67">
        <v>65.928611986929994</v>
      </c>
      <c r="R84" s="68">
        <v>1.7732439052560991</v>
      </c>
      <c r="S84" s="271">
        <v>0.33060004899286066</v>
      </c>
      <c r="T84" s="272">
        <v>3.5186922288202249E-2</v>
      </c>
      <c r="U84" s="273">
        <v>0.33071662945944852</v>
      </c>
      <c r="V84" s="272">
        <v>3.5190021634524914E-2</v>
      </c>
      <c r="W84" s="66">
        <v>706</v>
      </c>
      <c r="X84" s="67">
        <v>70.621425988629895</v>
      </c>
      <c r="Y84" s="68">
        <v>1.8873499646179541</v>
      </c>
      <c r="Z84" s="271">
        <v>0.27544736215114546</v>
      </c>
      <c r="AA84" s="272">
        <v>3.3579224703063598E-2</v>
      </c>
      <c r="AB84" s="273">
        <v>0.44046633458089685</v>
      </c>
      <c r="AC84" s="272">
        <v>3.7265364766288687E-2</v>
      </c>
      <c r="AD84" s="66">
        <v>714</v>
      </c>
      <c r="AE84" s="67">
        <v>70.34939774786487</v>
      </c>
      <c r="AF84" s="68">
        <v>1.7861196097513825</v>
      </c>
      <c r="AG84" s="271">
        <v>0.27165247315777979</v>
      </c>
      <c r="AH84" s="272">
        <v>3.324901947445906E-2</v>
      </c>
      <c r="AI84" s="273">
        <v>0.42576514934910314</v>
      </c>
      <c r="AJ84" s="272">
        <v>3.6910674206269367E-2</v>
      </c>
      <c r="AK84" s="66">
        <v>707</v>
      </c>
      <c r="AL84" s="67">
        <v>64.045543890297239</v>
      </c>
      <c r="AM84" s="68">
        <v>1.8915238698078136</v>
      </c>
      <c r="AN84" s="271">
        <v>0.37209446714051564</v>
      </c>
      <c r="AO84" s="272">
        <v>3.6269326477301703E-2</v>
      </c>
      <c r="AP84" s="273">
        <v>0.3021340881718817</v>
      </c>
      <c r="AQ84" s="272">
        <v>3.4477278721154164E-2</v>
      </c>
      <c r="AR84" s="66">
        <v>712</v>
      </c>
      <c r="AS84" s="67">
        <v>64.444496044605444</v>
      </c>
      <c r="AT84" s="68">
        <v>1.8874297433803342</v>
      </c>
      <c r="AU84" s="271">
        <v>0.38527075675503414</v>
      </c>
      <c r="AV84" s="272">
        <v>3.6385878861676914E-2</v>
      </c>
      <c r="AW84" s="273">
        <v>0.31519608175225611</v>
      </c>
      <c r="AX84" s="272">
        <v>3.4755975970029024E-2</v>
      </c>
    </row>
    <row r="85" spans="1:50">
      <c r="A85" s="44" t="s">
        <v>552</v>
      </c>
      <c r="B85" s="69">
        <v>198</v>
      </c>
      <c r="C85" s="70">
        <v>73.999568574631894</v>
      </c>
      <c r="D85" s="71">
        <v>2.7775674811624467</v>
      </c>
      <c r="E85" s="274">
        <v>0.18090365854732887</v>
      </c>
      <c r="F85" s="275">
        <v>5.4893266675023818E-2</v>
      </c>
      <c r="G85" s="276">
        <v>0.45527947800257079</v>
      </c>
      <c r="H85" s="275">
        <v>7.0088839757765545E-2</v>
      </c>
      <c r="I85" s="69">
        <v>197</v>
      </c>
      <c r="J85" s="70">
        <v>67.619332886536256</v>
      </c>
      <c r="K85" s="71">
        <v>3.2137682848453597</v>
      </c>
      <c r="L85" s="274">
        <v>0.26197966959736541</v>
      </c>
      <c r="M85" s="275">
        <v>6.2386814290307346E-2</v>
      </c>
      <c r="N85" s="276">
        <v>0.31711403060504195</v>
      </c>
      <c r="O85" s="275">
        <v>6.5846302421837491E-2</v>
      </c>
      <c r="P85" s="69">
        <v>199</v>
      </c>
      <c r="Q85" s="70">
        <v>67.584918135119281</v>
      </c>
      <c r="R85" s="71">
        <v>3.3169413979668527</v>
      </c>
      <c r="S85" s="274">
        <v>0.30355006413845831</v>
      </c>
      <c r="T85" s="275">
        <v>6.4771417449606433E-2</v>
      </c>
      <c r="U85" s="276">
        <v>0.38122424496180896</v>
      </c>
      <c r="V85" s="275">
        <v>6.8256659962697336E-2</v>
      </c>
      <c r="W85" s="69">
        <v>198</v>
      </c>
      <c r="X85" s="70">
        <v>73.206370273118964</v>
      </c>
      <c r="Y85" s="71">
        <v>3.327358443742749</v>
      </c>
      <c r="Z85" s="274">
        <v>0.22150100576455364</v>
      </c>
      <c r="AA85" s="275">
        <v>5.8947811611025046E-2</v>
      </c>
      <c r="AB85" s="276">
        <v>0.47821823816444303</v>
      </c>
      <c r="AC85" s="275">
        <v>7.0295579444910591E-2</v>
      </c>
      <c r="AD85" s="69">
        <v>199</v>
      </c>
      <c r="AE85" s="70">
        <v>75.034253199080851</v>
      </c>
      <c r="AF85" s="71">
        <v>3.0209559902719678</v>
      </c>
      <c r="AG85" s="274">
        <v>0.1871522297059425</v>
      </c>
      <c r="AH85" s="275">
        <v>5.5432978111679007E-2</v>
      </c>
      <c r="AI85" s="276">
        <v>0.4996813532737332</v>
      </c>
      <c r="AJ85" s="275">
        <v>7.0186226937688834E-2</v>
      </c>
      <c r="AK85" s="69">
        <v>199</v>
      </c>
      <c r="AL85" s="70">
        <v>65.261177958037564</v>
      </c>
      <c r="AM85" s="71">
        <v>3.36255203619011</v>
      </c>
      <c r="AN85" s="274">
        <v>0.33070144765747267</v>
      </c>
      <c r="AO85" s="275">
        <v>6.620708051830046E-2</v>
      </c>
      <c r="AP85" s="276">
        <v>0.29525852298148064</v>
      </c>
      <c r="AQ85" s="275">
        <v>6.4283337565045257E-2</v>
      </c>
      <c r="AR85" s="69">
        <v>199</v>
      </c>
      <c r="AS85" s="70">
        <v>66.213791482375655</v>
      </c>
      <c r="AT85" s="71">
        <v>3.4772689217603405</v>
      </c>
      <c r="AU85" s="274">
        <v>0.3628118211037038</v>
      </c>
      <c r="AV85" s="275">
        <v>6.7599777680477327E-2</v>
      </c>
      <c r="AW85" s="276">
        <v>0.34692283993581918</v>
      </c>
      <c r="AX85" s="275">
        <v>6.6950719011915946E-2</v>
      </c>
    </row>
    <row r="86" spans="1:50" s="5" customFormat="1">
      <c r="A86" s="52" t="s">
        <v>553</v>
      </c>
      <c r="B86" s="66">
        <v>259</v>
      </c>
      <c r="C86" s="67">
        <v>69.633347601379398</v>
      </c>
      <c r="D86" s="68">
        <v>2.7850327197794407</v>
      </c>
      <c r="E86" s="271">
        <v>0.30160918442469897</v>
      </c>
      <c r="F86" s="272">
        <v>5.6760347277254285E-2</v>
      </c>
      <c r="G86" s="273">
        <v>0.36901916411975277</v>
      </c>
      <c r="H86" s="272">
        <v>5.9575418801022635E-2</v>
      </c>
      <c r="I86" s="66">
        <v>260</v>
      </c>
      <c r="J86" s="67">
        <v>67.043061452503252</v>
      </c>
      <c r="K86" s="68">
        <v>2.749800482069241</v>
      </c>
      <c r="L86" s="271">
        <v>0.29143556986077962</v>
      </c>
      <c r="M86" s="272">
        <v>5.6112582672267125E-2</v>
      </c>
      <c r="N86" s="273">
        <v>0.31026550470293401</v>
      </c>
      <c r="O86" s="272">
        <v>5.708625069607285E-2</v>
      </c>
      <c r="P86" s="66">
        <v>260</v>
      </c>
      <c r="Q86" s="67">
        <v>64.833140675605364</v>
      </c>
      <c r="R86" s="68">
        <v>2.8171229324443909</v>
      </c>
      <c r="S86" s="271">
        <v>0.32943094771038117</v>
      </c>
      <c r="T86" s="272">
        <v>5.7968271067245267E-2</v>
      </c>
      <c r="U86" s="273">
        <v>0.2727730153425818</v>
      </c>
      <c r="V86" s="272">
        <v>5.5037267472046923E-2</v>
      </c>
      <c r="W86" s="66">
        <v>255</v>
      </c>
      <c r="X86" s="67">
        <v>67.836544329623919</v>
      </c>
      <c r="Y86" s="68">
        <v>3.1698533232046255</v>
      </c>
      <c r="Z86" s="271">
        <v>0.32634943716132592</v>
      </c>
      <c r="AA86" s="272">
        <v>5.8391529417530612E-2</v>
      </c>
      <c r="AB86" s="273">
        <v>0.39510430337775715</v>
      </c>
      <c r="AC86" s="272">
        <v>6.0797039745731599E-2</v>
      </c>
      <c r="AD86" s="66">
        <v>260</v>
      </c>
      <c r="AE86" s="67">
        <v>66.453967558591884</v>
      </c>
      <c r="AF86" s="68">
        <v>3.0453605061119045</v>
      </c>
      <c r="AG86" s="271">
        <v>0.32157280876912836</v>
      </c>
      <c r="AH86" s="272">
        <v>5.7619594212839298E-2</v>
      </c>
      <c r="AI86" s="273">
        <v>0.34097837523055452</v>
      </c>
      <c r="AJ86" s="272">
        <v>5.8448710599006817E-2</v>
      </c>
      <c r="AK86" s="66">
        <v>257</v>
      </c>
      <c r="AL86" s="67">
        <v>62.565375648484768</v>
      </c>
      <c r="AM86" s="68">
        <v>3.0828950726281046</v>
      </c>
      <c r="AN86" s="271">
        <v>0.39813220755067968</v>
      </c>
      <c r="AO86" s="272">
        <v>6.064008334474065E-2</v>
      </c>
      <c r="AP86" s="273">
        <v>0.25114719999432894</v>
      </c>
      <c r="AQ86" s="272">
        <v>5.3955552322824091E-2</v>
      </c>
      <c r="AR86" s="66">
        <v>259</v>
      </c>
      <c r="AS86" s="67">
        <v>62.397894296676</v>
      </c>
      <c r="AT86" s="68">
        <v>3.132382245720323</v>
      </c>
      <c r="AU86" s="271">
        <v>0.40890687756339672</v>
      </c>
      <c r="AV86" s="272">
        <v>6.0662067490569918E-2</v>
      </c>
      <c r="AW86" s="273">
        <v>0.27537757447636724</v>
      </c>
      <c r="AX86" s="272">
        <v>5.5299785097725089E-2</v>
      </c>
    </row>
    <row r="87" spans="1:50" s="5" customFormat="1">
      <c r="A87" s="44" t="s">
        <v>554</v>
      </c>
      <c r="B87" s="69">
        <v>229</v>
      </c>
      <c r="C87" s="70">
        <v>72.660444758668334</v>
      </c>
      <c r="D87" s="71">
        <v>2.9669725712094017</v>
      </c>
      <c r="E87" s="274">
        <v>0.21879522476388411</v>
      </c>
      <c r="F87" s="275">
        <v>5.459419221959444E-2</v>
      </c>
      <c r="G87" s="276">
        <v>0.44849770897427221</v>
      </c>
      <c r="H87" s="275">
        <v>6.5175603635129739E-2</v>
      </c>
      <c r="I87" s="69">
        <v>227</v>
      </c>
      <c r="J87" s="70">
        <v>70.463239547416819</v>
      </c>
      <c r="K87" s="71">
        <v>2.8955764061705804</v>
      </c>
      <c r="L87" s="274">
        <v>0.2469061532934971</v>
      </c>
      <c r="M87" s="275">
        <v>5.7077861992427925E-2</v>
      </c>
      <c r="N87" s="276">
        <v>0.38454849276481318</v>
      </c>
      <c r="O87" s="275">
        <v>6.4079031962269536E-2</v>
      </c>
      <c r="P87" s="69">
        <v>227</v>
      </c>
      <c r="Q87" s="70">
        <v>65.735149411070637</v>
      </c>
      <c r="R87" s="71">
        <v>3.3955326436482087</v>
      </c>
      <c r="S87" s="274">
        <v>0.34663222103743807</v>
      </c>
      <c r="T87" s="275">
        <v>6.2735047202328559E-2</v>
      </c>
      <c r="U87" s="276">
        <v>0.36287914991457382</v>
      </c>
      <c r="V87" s="275">
        <v>6.3360904095426968E-2</v>
      </c>
      <c r="W87" s="69">
        <v>227</v>
      </c>
      <c r="X87" s="70">
        <v>71.6248636206561</v>
      </c>
      <c r="Y87" s="71">
        <v>3.4506343409254745</v>
      </c>
      <c r="Z87" s="274">
        <v>0.25566772877926242</v>
      </c>
      <c r="AA87" s="275">
        <v>5.7712725376263124E-2</v>
      </c>
      <c r="AB87" s="276">
        <v>0.45580589359032753</v>
      </c>
      <c r="AC87" s="275">
        <v>6.5546511797984944E-2</v>
      </c>
      <c r="AD87" s="69">
        <v>229</v>
      </c>
      <c r="AE87" s="70">
        <v>70.986671447801982</v>
      </c>
      <c r="AF87" s="71">
        <v>3.2541231578974412</v>
      </c>
      <c r="AG87" s="274">
        <v>0.27624882581376276</v>
      </c>
      <c r="AH87" s="275">
        <v>5.8835569644148787E-2</v>
      </c>
      <c r="AI87" s="276">
        <v>0.46354931632076424</v>
      </c>
      <c r="AJ87" s="275">
        <v>6.5343801902854326E-2</v>
      </c>
      <c r="AK87" s="69">
        <v>225</v>
      </c>
      <c r="AL87" s="70">
        <v>64.506802603267147</v>
      </c>
      <c r="AM87" s="71">
        <v>3.6605779267119627</v>
      </c>
      <c r="AN87" s="274">
        <v>0.36849090900620984</v>
      </c>
      <c r="AO87" s="275">
        <v>6.3837164834415011E-2</v>
      </c>
      <c r="AP87" s="276">
        <v>0.37607853656941193</v>
      </c>
      <c r="AQ87" s="275">
        <v>6.4092626500677402E-2</v>
      </c>
      <c r="AR87" s="69">
        <v>228</v>
      </c>
      <c r="AS87" s="70">
        <v>64.966611494864523</v>
      </c>
      <c r="AT87" s="71">
        <v>3.4826787804238601</v>
      </c>
      <c r="AU87" s="274">
        <v>0.38038599321256766</v>
      </c>
      <c r="AV87" s="275">
        <v>6.3812980882848619E-2</v>
      </c>
      <c r="AW87" s="276">
        <v>0.34079927745676486</v>
      </c>
      <c r="AX87" s="275">
        <v>6.2356256333976547E-2</v>
      </c>
    </row>
    <row r="88" spans="1:50" s="5" customFormat="1"/>
    <row r="90" spans="1:50" ht="18.75">
      <c r="A90" s="344" t="s">
        <v>243</v>
      </c>
      <c r="B90" s="344"/>
      <c r="C90" s="344"/>
      <c r="D90" s="344"/>
      <c r="E90" s="344"/>
      <c r="F90" s="344"/>
      <c r="G90" s="344"/>
      <c r="H90" s="344"/>
    </row>
    <row r="91" spans="1:50" ht="72.75" customHeight="1">
      <c r="A91" s="343" t="s">
        <v>527</v>
      </c>
      <c r="B91" s="343"/>
      <c r="C91" s="343"/>
      <c r="D91" s="343"/>
      <c r="E91" s="343"/>
      <c r="F91" s="343"/>
      <c r="G91" s="343"/>
      <c r="H91" s="343"/>
    </row>
    <row r="92" spans="1:50" ht="33" customHeight="1">
      <c r="A92" s="335" t="s">
        <v>244</v>
      </c>
      <c r="B92" s="336"/>
      <c r="C92" s="336"/>
      <c r="D92" s="336"/>
      <c r="E92" s="336"/>
      <c r="F92" s="336"/>
      <c r="G92" s="336"/>
      <c r="H92" s="337"/>
    </row>
    <row r="93" spans="1:50" ht="42" customHeight="1">
      <c r="A93" s="32" t="s">
        <v>71</v>
      </c>
      <c r="B93" s="33" t="s">
        <v>72</v>
      </c>
      <c r="C93" s="34" t="s">
        <v>592</v>
      </c>
      <c r="D93" s="35" t="s">
        <v>73</v>
      </c>
      <c r="E93" s="34" t="s">
        <v>331</v>
      </c>
      <c r="F93" s="35" t="s">
        <v>335</v>
      </c>
      <c r="G93" s="34" t="s">
        <v>333</v>
      </c>
      <c r="H93" s="35" t="s">
        <v>336</v>
      </c>
    </row>
    <row r="94" spans="1:50" ht="72" customHeight="1">
      <c r="A94" s="36"/>
      <c r="B94" s="37" t="s">
        <v>74</v>
      </c>
      <c r="C94" s="38" t="s">
        <v>247</v>
      </c>
      <c r="D94" s="39" t="s">
        <v>76</v>
      </c>
      <c r="E94" s="38" t="s">
        <v>332</v>
      </c>
      <c r="F94" s="86" t="s">
        <v>88</v>
      </c>
      <c r="G94" s="38" t="s">
        <v>334</v>
      </c>
      <c r="H94" s="86" t="s">
        <v>88</v>
      </c>
    </row>
    <row r="95" spans="1:50">
      <c r="A95" s="40" t="s">
        <v>350</v>
      </c>
      <c r="B95" s="72">
        <v>13562</v>
      </c>
      <c r="C95" s="73">
        <v>67.003714115916821</v>
      </c>
      <c r="D95" s="74">
        <v>0.41771560076770042</v>
      </c>
      <c r="E95" s="278">
        <v>0.31223242392109507</v>
      </c>
      <c r="F95" s="279">
        <v>7.9576522818712876E-3</v>
      </c>
      <c r="G95" s="278">
        <v>0.30655428162142018</v>
      </c>
      <c r="H95" s="279">
        <v>7.9174723496586458E-3</v>
      </c>
    </row>
    <row r="96" spans="1:50">
      <c r="A96" s="44" t="s">
        <v>351</v>
      </c>
      <c r="B96" s="75">
        <v>10049</v>
      </c>
      <c r="C96" s="76">
        <v>69.354440070821909</v>
      </c>
      <c r="D96" s="77">
        <v>0.47362839336437085</v>
      </c>
      <c r="E96" s="280">
        <v>0.27180113126224165</v>
      </c>
      <c r="F96" s="281">
        <v>8.8752017717384363E-3</v>
      </c>
      <c r="G96" s="280">
        <v>0.34684332757075992</v>
      </c>
      <c r="H96" s="281">
        <v>9.4945721376079508E-3</v>
      </c>
    </row>
    <row r="97" spans="1:8" s="5" customFormat="1">
      <c r="A97" s="40" t="s">
        <v>352</v>
      </c>
      <c r="B97" s="72">
        <v>3513</v>
      </c>
      <c r="C97" s="73">
        <v>65.00864740674038</v>
      </c>
      <c r="D97" s="74">
        <v>0.85205123852653242</v>
      </c>
      <c r="E97" s="278">
        <v>0.34654655816728325</v>
      </c>
      <c r="F97" s="279">
        <v>1.605030386499131E-2</v>
      </c>
      <c r="G97" s="278">
        <v>0.27236087249591096</v>
      </c>
      <c r="H97" s="279">
        <v>1.5017693396233021E-2</v>
      </c>
    </row>
    <row r="98" spans="1:8" s="5" customFormat="1">
      <c r="A98" s="44" t="s">
        <v>534</v>
      </c>
      <c r="B98" s="75">
        <v>3129</v>
      </c>
      <c r="C98" s="76">
        <v>67.891424892064137</v>
      </c>
      <c r="D98" s="77">
        <v>0.82641317430864791</v>
      </c>
      <c r="E98" s="280">
        <v>0.30224541194959503</v>
      </c>
      <c r="F98" s="281">
        <v>1.6412840026957067E-2</v>
      </c>
      <c r="G98" s="280">
        <v>0.31630750046237366</v>
      </c>
      <c r="H98" s="281">
        <v>1.6619631673847737E-2</v>
      </c>
    </row>
    <row r="99" spans="1:8" s="5" customFormat="1">
      <c r="A99" s="40" t="s">
        <v>535</v>
      </c>
      <c r="B99" s="72">
        <v>2491</v>
      </c>
      <c r="C99" s="73">
        <v>72.351461096921426</v>
      </c>
      <c r="D99" s="74">
        <v>0.90156360447975092</v>
      </c>
      <c r="E99" s="278">
        <v>0.22393191140798796</v>
      </c>
      <c r="F99" s="279">
        <v>1.6703501213509102E-2</v>
      </c>
      <c r="G99" s="278">
        <v>0.38939119382436016</v>
      </c>
      <c r="H99" s="279">
        <v>1.9525632453629916E-2</v>
      </c>
    </row>
    <row r="100" spans="1:8" s="5" customFormat="1">
      <c r="A100" s="44" t="s">
        <v>536</v>
      </c>
      <c r="B100" s="75">
        <v>361</v>
      </c>
      <c r="C100" s="76">
        <v>68.51927575091824</v>
      </c>
      <c r="D100" s="77">
        <v>2.4731744694555644</v>
      </c>
      <c r="E100" s="280">
        <v>0.26260798552417441</v>
      </c>
      <c r="F100" s="281">
        <v>4.6212545383249246E-2</v>
      </c>
      <c r="G100" s="280">
        <v>0.3336875446396233</v>
      </c>
      <c r="H100" s="281">
        <v>4.9428857216623587E-2</v>
      </c>
    </row>
    <row r="101" spans="1:8" s="5" customFormat="1">
      <c r="A101" s="40" t="s">
        <v>537</v>
      </c>
      <c r="B101" s="72">
        <v>85</v>
      </c>
      <c r="C101" s="73">
        <v>71.667172500514042</v>
      </c>
      <c r="D101" s="74">
        <v>4.3415059832078926</v>
      </c>
      <c r="E101" s="278">
        <v>0.25132274157392226</v>
      </c>
      <c r="F101" s="279">
        <v>9.3278221646342599E-2</v>
      </c>
      <c r="G101" s="278">
        <v>0.35022037554093061</v>
      </c>
      <c r="H101" s="279">
        <v>0.10156910135750946</v>
      </c>
    </row>
    <row r="102" spans="1:8" s="5" customFormat="1">
      <c r="A102" s="44" t="s">
        <v>538</v>
      </c>
      <c r="B102" s="75">
        <v>62</v>
      </c>
      <c r="C102" s="76">
        <v>66.292402556073341</v>
      </c>
      <c r="D102" s="77">
        <v>6.5762816751951529</v>
      </c>
      <c r="E102" s="280">
        <v>0.30449649864678213</v>
      </c>
      <c r="F102" s="281">
        <v>0.11448723969044705</v>
      </c>
      <c r="G102" s="280">
        <v>0.29754646848824068</v>
      </c>
      <c r="H102" s="281">
        <v>0.11383938459162812</v>
      </c>
    </row>
    <row r="103" spans="1:8" s="5" customFormat="1">
      <c r="A103" s="40" t="s">
        <v>539</v>
      </c>
      <c r="B103" s="72">
        <v>64</v>
      </c>
      <c r="C103" s="73">
        <v>68.008636027027109</v>
      </c>
      <c r="D103" s="74">
        <v>6.0025176366583928</v>
      </c>
      <c r="E103" s="278">
        <v>0.26944043302294629</v>
      </c>
      <c r="F103" s="279">
        <v>0.10925205558598883</v>
      </c>
      <c r="G103" s="278">
        <v>0.31687124500488556</v>
      </c>
      <c r="H103" s="279">
        <v>0.11383508335094271</v>
      </c>
    </row>
    <row r="104" spans="1:8" s="5" customFormat="1">
      <c r="A104" s="44" t="s">
        <v>540</v>
      </c>
      <c r="B104" s="75">
        <v>75</v>
      </c>
      <c r="C104" s="76">
        <v>69.132311551351222</v>
      </c>
      <c r="D104" s="77">
        <v>5.3860969579502038</v>
      </c>
      <c r="E104" s="280">
        <v>0.19268309308432113</v>
      </c>
      <c r="F104" s="281">
        <v>9.1368806502033606E-2</v>
      </c>
      <c r="G104" s="280">
        <v>0.3405284215665742</v>
      </c>
      <c r="H104" s="281">
        <v>0.10722717579229388</v>
      </c>
    </row>
    <row r="105" spans="1:8" s="5" customFormat="1">
      <c r="A105" s="40" t="s">
        <v>541</v>
      </c>
      <c r="B105" s="72">
        <v>75</v>
      </c>
      <c r="C105" s="73">
        <v>66.978733330768264</v>
      </c>
      <c r="D105" s="74">
        <v>5.6737649038521294</v>
      </c>
      <c r="E105" s="278">
        <v>0.29081413585476662</v>
      </c>
      <c r="F105" s="279">
        <v>0.10325349259474248</v>
      </c>
      <c r="G105" s="278">
        <v>0.35829403934667148</v>
      </c>
      <c r="H105" s="279">
        <v>0.10835978904891136</v>
      </c>
    </row>
    <row r="106" spans="1:8" s="5" customFormat="1">
      <c r="A106" s="44" t="s">
        <v>542</v>
      </c>
      <c r="B106" s="75">
        <v>606</v>
      </c>
      <c r="C106" s="76">
        <v>73.407368602832875</v>
      </c>
      <c r="D106" s="77">
        <v>1.8486498917830303</v>
      </c>
      <c r="E106" s="280">
        <v>0.21852469261999743</v>
      </c>
      <c r="F106" s="281">
        <v>3.3564941203150851E-2</v>
      </c>
      <c r="G106" s="280">
        <v>0.415755543644866</v>
      </c>
      <c r="H106" s="281">
        <v>3.991759080551293E-2</v>
      </c>
    </row>
    <row r="107" spans="1:8">
      <c r="A107" s="40" t="s">
        <v>543</v>
      </c>
      <c r="B107" s="78">
        <v>59</v>
      </c>
      <c r="C107" s="79">
        <v>76.581567186307538</v>
      </c>
      <c r="D107" s="80">
        <v>6.2515870455286437</v>
      </c>
      <c r="E107" s="282">
        <v>0.19972874189779438</v>
      </c>
      <c r="F107" s="283">
        <v>0.1041741373082231</v>
      </c>
      <c r="G107" s="282">
        <v>0.46554127710996163</v>
      </c>
      <c r="H107" s="283">
        <v>0.12572547344842538</v>
      </c>
    </row>
    <row r="108" spans="1:8">
      <c r="A108" s="44" t="s">
        <v>550</v>
      </c>
      <c r="B108" s="75">
        <v>106</v>
      </c>
      <c r="C108" s="76">
        <v>68.821656929642245</v>
      </c>
      <c r="D108" s="77">
        <v>5.1948908248457828</v>
      </c>
      <c r="E108" s="280">
        <v>0.2701014375900157</v>
      </c>
      <c r="F108" s="281">
        <v>8.547634275645348E-2</v>
      </c>
      <c r="G108" s="280">
        <v>0.3132285713254373</v>
      </c>
      <c r="H108" s="281">
        <v>8.8955002528911378E-2</v>
      </c>
    </row>
    <row r="109" spans="1:8">
      <c r="A109" s="52" t="s">
        <v>544</v>
      </c>
      <c r="B109" s="72">
        <v>121</v>
      </c>
      <c r="C109" s="73">
        <v>71.445903387420458</v>
      </c>
      <c r="D109" s="74">
        <v>4.0723266039661707</v>
      </c>
      <c r="E109" s="278">
        <v>0.24292473998239481</v>
      </c>
      <c r="F109" s="279">
        <v>7.7578192607781454E-2</v>
      </c>
      <c r="G109" s="278">
        <v>0.40578804175804628</v>
      </c>
      <c r="H109" s="279">
        <v>8.7942358424878631E-2</v>
      </c>
    </row>
    <row r="110" spans="1:8">
      <c r="A110" s="44" t="s">
        <v>545</v>
      </c>
      <c r="B110" s="75">
        <v>155</v>
      </c>
      <c r="C110" s="76">
        <v>74.358308948243817</v>
      </c>
      <c r="D110" s="77">
        <v>3.148300977941775</v>
      </c>
      <c r="E110" s="280">
        <v>0.17957597452271692</v>
      </c>
      <c r="F110" s="281">
        <v>6.1924955379981446E-2</v>
      </c>
      <c r="G110" s="280">
        <v>0.40334000163802075</v>
      </c>
      <c r="H110" s="281">
        <v>7.7884130584104205E-2</v>
      </c>
    </row>
    <row r="111" spans="1:8">
      <c r="A111" s="52" t="s">
        <v>546</v>
      </c>
      <c r="B111" s="72">
        <v>70</v>
      </c>
      <c r="C111" s="73">
        <v>80.464883028729247</v>
      </c>
      <c r="D111" s="74">
        <v>4.8249616653880016</v>
      </c>
      <c r="E111" s="278">
        <v>0.16088083230512529</v>
      </c>
      <c r="F111" s="279">
        <v>8.9168774447120416E-2</v>
      </c>
      <c r="G111" s="278">
        <v>0.56955487684888828</v>
      </c>
      <c r="H111" s="279">
        <v>0.11523677100357116</v>
      </c>
    </row>
    <row r="112" spans="1:8">
      <c r="A112" s="44" t="s">
        <v>547</v>
      </c>
      <c r="B112" s="75">
        <v>95</v>
      </c>
      <c r="C112" s="76">
        <v>72.782460377116109</v>
      </c>
      <c r="D112" s="77">
        <v>4.8270090199076234</v>
      </c>
      <c r="E112" s="280">
        <v>0.24932132320667391</v>
      </c>
      <c r="F112" s="281">
        <v>8.8108193231482501E-2</v>
      </c>
      <c r="G112" s="280">
        <v>0.43591347749596465</v>
      </c>
      <c r="H112" s="281">
        <v>9.9740693765154667E-2</v>
      </c>
    </row>
    <row r="113" spans="1:23">
      <c r="A113" s="52" t="s">
        <v>551</v>
      </c>
      <c r="B113" s="72">
        <v>708</v>
      </c>
      <c r="C113" s="73">
        <v>66.288634580038689</v>
      </c>
      <c r="D113" s="74">
        <v>1.8425180695885184</v>
      </c>
      <c r="E113" s="278">
        <v>0.33023651220320827</v>
      </c>
      <c r="F113" s="279">
        <v>3.5276059362243442E-2</v>
      </c>
      <c r="G113" s="278">
        <v>0.28905384271932877</v>
      </c>
      <c r="H113" s="279">
        <v>3.4019186174270778E-2</v>
      </c>
    </row>
    <row r="114" spans="1:23">
      <c r="A114" s="44" t="s">
        <v>552</v>
      </c>
      <c r="B114" s="75">
        <v>196</v>
      </c>
      <c r="C114" s="76">
        <v>67.477942369277955</v>
      </c>
      <c r="D114" s="77">
        <v>3.4542644687318056</v>
      </c>
      <c r="E114" s="280">
        <v>0.30367836550604249</v>
      </c>
      <c r="F114" s="281">
        <v>6.5266237262886231E-2</v>
      </c>
      <c r="G114" s="280">
        <v>0.30690768746096142</v>
      </c>
      <c r="H114" s="281">
        <v>6.5451024534124519E-2</v>
      </c>
    </row>
    <row r="115" spans="1:23">
      <c r="A115" s="52" t="s">
        <v>553</v>
      </c>
      <c r="B115" s="72">
        <v>258</v>
      </c>
      <c r="C115" s="73">
        <v>64.666979841668777</v>
      </c>
      <c r="D115" s="74">
        <v>3.046894304520698</v>
      </c>
      <c r="E115" s="278">
        <v>0.33921157508509048</v>
      </c>
      <c r="F115" s="279">
        <v>5.8600791817481325E-2</v>
      </c>
      <c r="G115" s="278">
        <v>0.25018571809741685</v>
      </c>
      <c r="H115" s="279">
        <v>5.3785528415891307E-2</v>
      </c>
    </row>
    <row r="116" spans="1:23">
      <c r="A116" s="44" t="s">
        <v>554</v>
      </c>
      <c r="B116" s="75">
        <v>229</v>
      </c>
      <c r="C116" s="76">
        <v>67.166995638175649</v>
      </c>
      <c r="D116" s="77">
        <v>3.3166163561248387</v>
      </c>
      <c r="E116" s="280">
        <v>0.33948748734914935</v>
      </c>
      <c r="F116" s="281">
        <v>6.2165879450781475E-2</v>
      </c>
      <c r="G116" s="280">
        <v>0.32390947678119253</v>
      </c>
      <c r="H116" s="281">
        <v>6.1462523841252545E-2</v>
      </c>
    </row>
    <row r="117" spans="1:23" s="5" customFormat="1"/>
    <row r="119" spans="1:23" s="5" customFormat="1" ht="18.75">
      <c r="A119" s="346" t="s">
        <v>223</v>
      </c>
      <c r="B119" s="346"/>
      <c r="C119" s="346"/>
      <c r="D119" s="346"/>
      <c r="E119" s="346"/>
      <c r="F119" s="346"/>
      <c r="G119" s="346"/>
      <c r="H119" s="346"/>
      <c r="I119" s="346"/>
      <c r="J119" s="346"/>
      <c r="K119" s="346"/>
      <c r="L119" s="346"/>
      <c r="M119" s="346"/>
      <c r="N119" s="346"/>
      <c r="O119" s="346"/>
      <c r="P119" s="346"/>
      <c r="Q119" s="346"/>
      <c r="R119" s="346"/>
      <c r="S119" s="346"/>
      <c r="T119" s="346"/>
      <c r="U119" s="346"/>
      <c r="V119" s="346"/>
      <c r="W119" s="225"/>
    </row>
    <row r="120" spans="1:23" s="5" customFormat="1" ht="74.25" customHeight="1">
      <c r="A120" s="345" t="s">
        <v>583</v>
      </c>
      <c r="B120" s="345"/>
      <c r="C120" s="345"/>
      <c r="D120" s="345"/>
      <c r="E120" s="345"/>
      <c r="F120" s="345"/>
      <c r="G120" s="345"/>
      <c r="H120" s="345"/>
      <c r="I120" s="345"/>
      <c r="J120" s="345"/>
      <c r="K120" s="345"/>
      <c r="L120" s="345"/>
      <c r="M120" s="345"/>
      <c r="N120" s="345"/>
      <c r="O120" s="345"/>
      <c r="P120" s="345"/>
      <c r="Q120" s="345"/>
      <c r="R120" s="345"/>
      <c r="S120" s="345"/>
      <c r="T120" s="345"/>
      <c r="U120" s="345"/>
      <c r="V120" s="345"/>
    </row>
    <row r="121" spans="1:23" s="5" customFormat="1" ht="48.75" customHeight="1">
      <c r="A121" s="59" t="s">
        <v>245</v>
      </c>
      <c r="B121" s="340" t="s">
        <v>226</v>
      </c>
      <c r="C121" s="341"/>
      <c r="D121" s="341"/>
      <c r="E121" s="341"/>
      <c r="F121" s="341"/>
      <c r="G121" s="341"/>
      <c r="H121" s="342"/>
      <c r="I121" s="335" t="s">
        <v>225</v>
      </c>
      <c r="J121" s="336"/>
      <c r="K121" s="336"/>
      <c r="L121" s="336"/>
      <c r="M121" s="336"/>
      <c r="N121" s="336"/>
      <c r="O121" s="337"/>
      <c r="P121" s="335" t="s">
        <v>224</v>
      </c>
      <c r="Q121" s="336"/>
      <c r="R121" s="336"/>
      <c r="S121" s="336"/>
      <c r="T121" s="336"/>
      <c r="U121" s="336"/>
      <c r="V121" s="337"/>
    </row>
    <row r="122" spans="1:23" s="5" customFormat="1" ht="43.5" customHeight="1">
      <c r="A122" s="32" t="s">
        <v>71</v>
      </c>
      <c r="B122" s="60" t="s">
        <v>72</v>
      </c>
      <c r="C122" s="61" t="s">
        <v>592</v>
      </c>
      <c r="D122" s="62" t="s">
        <v>73</v>
      </c>
      <c r="E122" s="61" t="s">
        <v>331</v>
      </c>
      <c r="F122" s="62" t="s">
        <v>335</v>
      </c>
      <c r="G122" s="61" t="s">
        <v>333</v>
      </c>
      <c r="H122" s="62" t="s">
        <v>336</v>
      </c>
      <c r="I122" s="33" t="s">
        <v>72</v>
      </c>
      <c r="J122" s="34" t="s">
        <v>592</v>
      </c>
      <c r="K122" s="35" t="s">
        <v>73</v>
      </c>
      <c r="L122" s="33" t="s">
        <v>331</v>
      </c>
      <c r="M122" s="35" t="s">
        <v>335</v>
      </c>
      <c r="N122" s="34" t="s">
        <v>333</v>
      </c>
      <c r="O122" s="35" t="s">
        <v>335</v>
      </c>
      <c r="P122" s="60" t="s">
        <v>72</v>
      </c>
      <c r="Q122" s="61" t="s">
        <v>592</v>
      </c>
      <c r="R122" s="62" t="s">
        <v>73</v>
      </c>
      <c r="S122" s="60" t="s">
        <v>331</v>
      </c>
      <c r="T122" s="62" t="s">
        <v>335</v>
      </c>
      <c r="U122" s="61" t="s">
        <v>333</v>
      </c>
      <c r="V122" s="62" t="s">
        <v>335</v>
      </c>
    </row>
    <row r="123" spans="1:23" s="5" customFormat="1" ht="64.5" customHeight="1">
      <c r="A123" s="36"/>
      <c r="B123" s="63" t="s">
        <v>74</v>
      </c>
      <c r="C123" s="64" t="s">
        <v>246</v>
      </c>
      <c r="D123" s="65" t="s">
        <v>76</v>
      </c>
      <c r="E123" s="64" t="s">
        <v>332</v>
      </c>
      <c r="F123" s="65" t="s">
        <v>88</v>
      </c>
      <c r="G123" s="64" t="s">
        <v>334</v>
      </c>
      <c r="H123" s="65" t="s">
        <v>88</v>
      </c>
      <c r="I123" s="37" t="s">
        <v>74</v>
      </c>
      <c r="J123" s="38" t="s">
        <v>246</v>
      </c>
      <c r="K123" s="39" t="s">
        <v>76</v>
      </c>
      <c r="L123" s="37" t="s">
        <v>332</v>
      </c>
      <c r="M123" s="39" t="s">
        <v>88</v>
      </c>
      <c r="N123" s="123" t="s">
        <v>334</v>
      </c>
      <c r="O123" s="39" t="s">
        <v>88</v>
      </c>
      <c r="P123" s="63" t="s">
        <v>74</v>
      </c>
      <c r="Q123" s="64" t="s">
        <v>246</v>
      </c>
      <c r="R123" s="65" t="s">
        <v>76</v>
      </c>
      <c r="S123" s="63" t="s">
        <v>332</v>
      </c>
      <c r="T123" s="65" t="s">
        <v>88</v>
      </c>
      <c r="U123" s="254" t="s">
        <v>334</v>
      </c>
      <c r="V123" s="65" t="s">
        <v>88</v>
      </c>
    </row>
    <row r="124" spans="1:23" s="5" customFormat="1">
      <c r="A124" s="40" t="s">
        <v>350</v>
      </c>
      <c r="B124" s="66">
        <v>13595</v>
      </c>
      <c r="C124" s="67">
        <v>66.671008525665897</v>
      </c>
      <c r="D124" s="68">
        <v>0.4352659319735202</v>
      </c>
      <c r="E124" s="271">
        <v>0.29427832367242951</v>
      </c>
      <c r="F124" s="272">
        <v>7.8162492592661649E-3</v>
      </c>
      <c r="G124" s="271">
        <v>0.26440420139730286</v>
      </c>
      <c r="H124" s="272">
        <v>7.5642652928588853E-3</v>
      </c>
      <c r="I124" s="66">
        <v>13488</v>
      </c>
      <c r="J124" s="67">
        <v>66.618202836074161</v>
      </c>
      <c r="K124" s="68">
        <v>0.44084708176087417</v>
      </c>
      <c r="L124" s="271">
        <v>0.2976766307416695</v>
      </c>
      <c r="M124" s="272">
        <v>7.8733211221182799E-3</v>
      </c>
      <c r="N124" s="271">
        <v>0.27811808775732949</v>
      </c>
      <c r="O124" s="272">
        <v>7.715624666684703E-3</v>
      </c>
      <c r="P124" s="66">
        <v>13500</v>
      </c>
      <c r="Q124" s="67">
        <v>67.647801110856562</v>
      </c>
      <c r="R124" s="68">
        <v>0.4229868689948128</v>
      </c>
      <c r="S124" s="271">
        <v>0.28061620895654121</v>
      </c>
      <c r="T124" s="272">
        <v>7.7333229177852549E-3</v>
      </c>
      <c r="U124" s="271">
        <v>0.28447116453549126</v>
      </c>
      <c r="V124" s="272">
        <v>7.765346301956827E-3</v>
      </c>
    </row>
    <row r="125" spans="1:23" s="5" customFormat="1">
      <c r="A125" s="44" t="s">
        <v>351</v>
      </c>
      <c r="B125" s="69">
        <v>10073</v>
      </c>
      <c r="C125" s="70">
        <v>69.017358204016944</v>
      </c>
      <c r="D125" s="71">
        <v>0.49241329407288709</v>
      </c>
      <c r="E125" s="274">
        <v>0.25722059746896392</v>
      </c>
      <c r="F125" s="275">
        <v>8.7096425078187715E-3</v>
      </c>
      <c r="G125" s="274">
        <v>0.29983537550732603</v>
      </c>
      <c r="H125" s="275">
        <v>9.1293272634278416E-3</v>
      </c>
      <c r="I125" s="69">
        <v>9989</v>
      </c>
      <c r="J125" s="70">
        <v>68.856140725307412</v>
      </c>
      <c r="K125" s="71">
        <v>0.50027931883321508</v>
      </c>
      <c r="L125" s="274">
        <v>0.26323630773319057</v>
      </c>
      <c r="M125" s="275">
        <v>8.8118944317164601E-3</v>
      </c>
      <c r="N125" s="274">
        <v>0.31720661259196503</v>
      </c>
      <c r="O125" s="275">
        <v>9.3116068896594226E-3</v>
      </c>
      <c r="P125" s="69">
        <v>10003</v>
      </c>
      <c r="Q125" s="70">
        <v>70.109356682736859</v>
      </c>
      <c r="R125" s="71">
        <v>0.47747551305841629</v>
      </c>
      <c r="S125" s="274">
        <v>0.24142759489581603</v>
      </c>
      <c r="T125" s="275">
        <v>8.5572333156978906E-3</v>
      </c>
      <c r="U125" s="274">
        <v>0.32555929066739525</v>
      </c>
      <c r="V125" s="275">
        <v>9.3689092615848318E-3</v>
      </c>
    </row>
    <row r="126" spans="1:23" s="5" customFormat="1">
      <c r="A126" s="40" t="s">
        <v>352</v>
      </c>
      <c r="B126" s="49">
        <v>3522</v>
      </c>
      <c r="C126" s="50">
        <v>64.681314939341803</v>
      </c>
      <c r="D126" s="51">
        <v>0.89516544038157875</v>
      </c>
      <c r="E126" s="268">
        <v>0.3257031026945264</v>
      </c>
      <c r="F126" s="277">
        <v>1.5786776890086018E-2</v>
      </c>
      <c r="G126" s="268">
        <v>0.23435873096588655</v>
      </c>
      <c r="H126" s="277">
        <v>1.4273669403777344E-2</v>
      </c>
      <c r="I126" s="49">
        <v>3499</v>
      </c>
      <c r="J126" s="50">
        <v>64.722765909225885</v>
      </c>
      <c r="K126" s="51">
        <v>0.90037310350955169</v>
      </c>
      <c r="L126" s="268">
        <v>0.32684609979480589</v>
      </c>
      <c r="M126" s="277">
        <v>1.5852811422488372E-2</v>
      </c>
      <c r="N126" s="268">
        <v>0.24501179211611837</v>
      </c>
      <c r="O126" s="277">
        <v>1.4539438784733552E-2</v>
      </c>
      <c r="P126" s="49">
        <v>3497</v>
      </c>
      <c r="Q126" s="50">
        <v>65.559882620440547</v>
      </c>
      <c r="R126" s="51">
        <v>0.87150522196120939</v>
      </c>
      <c r="S126" s="268">
        <v>0.31385642211518133</v>
      </c>
      <c r="T126" s="277">
        <v>1.5688691668993459E-2</v>
      </c>
      <c r="U126" s="268">
        <v>0.24961976436098715</v>
      </c>
      <c r="V126" s="277">
        <v>1.4634572147230528E-2</v>
      </c>
    </row>
    <row r="127" spans="1:23" s="5" customFormat="1">
      <c r="A127" s="44" t="s">
        <v>534</v>
      </c>
      <c r="B127" s="69">
        <v>3136</v>
      </c>
      <c r="C127" s="70">
        <v>67.500168436026811</v>
      </c>
      <c r="D127" s="71">
        <v>0.86368611090248992</v>
      </c>
      <c r="E127" s="274">
        <v>0.28399929291693654</v>
      </c>
      <c r="F127" s="275">
        <v>1.6099313131471851E-2</v>
      </c>
      <c r="G127" s="274">
        <v>0.28009977532148184</v>
      </c>
      <c r="H127" s="275">
        <v>1.6032094124851438E-2</v>
      </c>
      <c r="I127" s="69">
        <v>3114</v>
      </c>
      <c r="J127" s="70">
        <v>67.307736197805156</v>
      </c>
      <c r="K127" s="71">
        <v>0.87130781245046585</v>
      </c>
      <c r="L127" s="274">
        <v>0.29099969453793956</v>
      </c>
      <c r="M127" s="275">
        <v>1.6273436256593332E-2</v>
      </c>
      <c r="N127" s="274">
        <v>0.29093915451639391</v>
      </c>
      <c r="O127" s="275">
        <v>1.6272441182834385E-2</v>
      </c>
      <c r="P127" s="69">
        <v>3120</v>
      </c>
      <c r="Q127" s="70">
        <v>68.797096630167346</v>
      </c>
      <c r="R127" s="71">
        <v>0.83570579063639217</v>
      </c>
      <c r="S127" s="274">
        <v>0.26892083062667871</v>
      </c>
      <c r="T127" s="275">
        <v>1.5871566452267446E-2</v>
      </c>
      <c r="U127" s="274">
        <v>0.2987042891544634</v>
      </c>
      <c r="V127" s="275">
        <v>1.6381485078016494E-2</v>
      </c>
    </row>
    <row r="128" spans="1:23" s="5" customFormat="1">
      <c r="A128" s="40" t="s">
        <v>535</v>
      </c>
      <c r="B128" s="49">
        <v>2497</v>
      </c>
      <c r="C128" s="50">
        <v>71.817239420663469</v>
      </c>
      <c r="D128" s="51">
        <v>0.9420300012458005</v>
      </c>
      <c r="E128" s="268">
        <v>0.21019247628216411</v>
      </c>
      <c r="F128" s="277">
        <v>1.6307718631705426E-2</v>
      </c>
      <c r="G128" s="268">
        <v>0.34691522838926203</v>
      </c>
      <c r="H128" s="277">
        <v>1.9038879583339368E-2</v>
      </c>
      <c r="I128" s="49">
        <v>2477</v>
      </c>
      <c r="J128" s="50">
        <v>71.908596593610625</v>
      </c>
      <c r="K128" s="51">
        <v>0.94987013679034216</v>
      </c>
      <c r="L128" s="268">
        <v>0.21228614865375522</v>
      </c>
      <c r="M128" s="277">
        <v>1.6432655272668992E-2</v>
      </c>
      <c r="N128" s="268">
        <v>0.35626946099191836</v>
      </c>
      <c r="O128" s="277">
        <v>1.9231846313916865E-2</v>
      </c>
      <c r="P128" s="49">
        <v>2485</v>
      </c>
      <c r="Q128" s="50">
        <v>73.26084559015348</v>
      </c>
      <c r="R128" s="51">
        <v>0.90787218820956228</v>
      </c>
      <c r="S128" s="268">
        <v>0.20054025951176463</v>
      </c>
      <c r="T128" s="277">
        <v>1.6065948062545334E-2</v>
      </c>
      <c r="U128" s="268">
        <v>0.37720261105620245</v>
      </c>
      <c r="V128" s="277">
        <v>1.943224794939628E-2</v>
      </c>
    </row>
    <row r="129" spans="1:22" s="5" customFormat="1">
      <c r="A129" s="44" t="s">
        <v>536</v>
      </c>
      <c r="B129" s="69">
        <v>362</v>
      </c>
      <c r="C129" s="70">
        <v>67.70834175164083</v>
      </c>
      <c r="D129" s="71">
        <v>2.5909400349176539</v>
      </c>
      <c r="E129" s="274">
        <v>0.26618924200225008</v>
      </c>
      <c r="F129" s="275">
        <v>4.6344035077002715E-2</v>
      </c>
      <c r="G129" s="274">
        <v>0.29880974374042252</v>
      </c>
      <c r="H129" s="275">
        <v>4.7952891338936904E-2</v>
      </c>
      <c r="I129" s="69">
        <v>359</v>
      </c>
      <c r="J129" s="70">
        <v>68.130464296261266</v>
      </c>
      <c r="K129" s="71">
        <v>2.6059281985260445</v>
      </c>
      <c r="L129" s="274">
        <v>0.24890556777424117</v>
      </c>
      <c r="M129" s="275">
        <v>4.5555454923504844E-2</v>
      </c>
      <c r="N129" s="274">
        <v>0.31052550049418659</v>
      </c>
      <c r="O129" s="275">
        <v>4.8660996572481539E-2</v>
      </c>
      <c r="P129" s="69">
        <v>361</v>
      </c>
      <c r="Q129" s="70">
        <v>69.7142268362295</v>
      </c>
      <c r="R129" s="71">
        <v>2.4513404720252017</v>
      </c>
      <c r="S129" s="274">
        <v>0.23004079240108372</v>
      </c>
      <c r="T129" s="275">
        <v>4.4254630494263265E-2</v>
      </c>
      <c r="U129" s="274">
        <v>0.33140459345570733</v>
      </c>
      <c r="V129" s="275">
        <v>4.9345877509521373E-2</v>
      </c>
    </row>
    <row r="130" spans="1:22" s="5" customFormat="1">
      <c r="A130" s="40" t="s">
        <v>537</v>
      </c>
      <c r="B130" s="49">
        <v>85</v>
      </c>
      <c r="C130" s="50">
        <v>71.344122303765943</v>
      </c>
      <c r="D130" s="51">
        <v>4.6204036732526115</v>
      </c>
      <c r="E130" s="268">
        <v>0.23654801407262319</v>
      </c>
      <c r="F130" s="277">
        <v>9.1600421867633161E-2</v>
      </c>
      <c r="G130" s="268">
        <v>0.30751546153000719</v>
      </c>
      <c r="H130" s="277">
        <v>9.8575295270529342E-2</v>
      </c>
      <c r="I130" s="49">
        <v>85</v>
      </c>
      <c r="J130" s="50">
        <v>71.407560699098909</v>
      </c>
      <c r="K130" s="51">
        <v>4.6990562256441146</v>
      </c>
      <c r="L130" s="268">
        <v>0.18703413829268645</v>
      </c>
      <c r="M130" s="277">
        <v>8.4974233183038747E-2</v>
      </c>
      <c r="N130" s="268">
        <v>0.29527195999101835</v>
      </c>
      <c r="O130" s="277">
        <v>9.7558804712643679E-2</v>
      </c>
      <c r="P130" s="49">
        <v>84</v>
      </c>
      <c r="Q130" s="50">
        <v>72.158824090113427</v>
      </c>
      <c r="R130" s="51">
        <v>4.3660182234131106</v>
      </c>
      <c r="S130" s="268">
        <v>0.21683723834551802</v>
      </c>
      <c r="T130" s="277">
        <v>8.9681857468263113E-2</v>
      </c>
      <c r="U130" s="268">
        <v>0.33995484033875811</v>
      </c>
      <c r="V130" s="277">
        <v>0.10150262224410651</v>
      </c>
    </row>
    <row r="131" spans="1:22" s="5" customFormat="1">
      <c r="A131" s="44" t="s">
        <v>538</v>
      </c>
      <c r="B131" s="69">
        <v>63</v>
      </c>
      <c r="C131" s="70">
        <v>65.883278741613793</v>
      </c>
      <c r="D131" s="71">
        <v>6.7220068687919392</v>
      </c>
      <c r="E131" s="274">
        <v>0.30259822287492238</v>
      </c>
      <c r="F131" s="275">
        <v>0.11343917540182923</v>
      </c>
      <c r="G131" s="274">
        <v>0.2855688630639075</v>
      </c>
      <c r="H131" s="275">
        <v>0.11179555814403615</v>
      </c>
      <c r="I131" s="69">
        <v>61</v>
      </c>
      <c r="J131" s="70">
        <v>66.127999065210744</v>
      </c>
      <c r="K131" s="71">
        <v>7.0062603914341528</v>
      </c>
      <c r="L131" s="274">
        <v>0.31695190078383689</v>
      </c>
      <c r="M131" s="275">
        <v>0.11648450395328679</v>
      </c>
      <c r="N131" s="274">
        <v>0.30467306945678974</v>
      </c>
      <c r="O131" s="275">
        <v>0.11539860358294279</v>
      </c>
      <c r="P131" s="69">
        <v>62</v>
      </c>
      <c r="Q131" s="70">
        <v>67.418732011618516</v>
      </c>
      <c r="R131" s="71">
        <v>6.5292223067801611</v>
      </c>
      <c r="S131" s="274">
        <v>0.26936532227452942</v>
      </c>
      <c r="T131" s="275">
        <v>0.1109353683008443</v>
      </c>
      <c r="U131" s="274">
        <v>0.25667532730393</v>
      </c>
      <c r="V131" s="275">
        <v>0.10947594854807011</v>
      </c>
    </row>
    <row r="132" spans="1:22" s="5" customFormat="1">
      <c r="A132" s="40" t="s">
        <v>539</v>
      </c>
      <c r="B132" s="49">
        <v>64</v>
      </c>
      <c r="C132" s="50">
        <v>64.854757093191026</v>
      </c>
      <c r="D132" s="51">
        <v>6.7127069076325521</v>
      </c>
      <c r="E132" s="268">
        <v>0.30180945912860169</v>
      </c>
      <c r="F132" s="277">
        <v>0.11251293019691597</v>
      </c>
      <c r="G132" s="268">
        <v>0.29041173609605364</v>
      </c>
      <c r="H132" s="277">
        <v>0.11143150702760816</v>
      </c>
      <c r="I132" s="49">
        <v>63</v>
      </c>
      <c r="J132" s="50">
        <v>68.541347890388877</v>
      </c>
      <c r="K132" s="51">
        <v>6.3015020997901683</v>
      </c>
      <c r="L132" s="268">
        <v>0.25101783504427078</v>
      </c>
      <c r="M132" s="277">
        <v>0.10794939914461885</v>
      </c>
      <c r="N132" s="268">
        <v>0.32983633254739936</v>
      </c>
      <c r="O132" s="277">
        <v>0.11574509160640394</v>
      </c>
      <c r="P132" s="49">
        <v>64</v>
      </c>
      <c r="Q132" s="50">
        <v>70.050072673727399</v>
      </c>
      <c r="R132" s="51">
        <v>5.8767938307521614</v>
      </c>
      <c r="S132" s="268">
        <v>0.24025845294595582</v>
      </c>
      <c r="T132" s="277">
        <v>0.10578502654542618</v>
      </c>
      <c r="U132" s="268">
        <v>0.34805208952409061</v>
      </c>
      <c r="V132" s="277">
        <v>0.1162017003137812</v>
      </c>
    </row>
    <row r="133" spans="1:22" s="5" customFormat="1">
      <c r="A133" s="44" t="s">
        <v>540</v>
      </c>
      <c r="B133" s="69">
        <v>75</v>
      </c>
      <c r="C133" s="70">
        <v>68.889659177655545</v>
      </c>
      <c r="D133" s="71">
        <v>5.5158452745787825</v>
      </c>
      <c r="E133" s="274">
        <v>0.19268309308432113</v>
      </c>
      <c r="F133" s="275">
        <v>9.1368806502033606E-2</v>
      </c>
      <c r="G133" s="274">
        <v>0.27145376012345435</v>
      </c>
      <c r="H133" s="275">
        <v>0.10136340500822263</v>
      </c>
      <c r="I133" s="69">
        <v>75</v>
      </c>
      <c r="J133" s="70">
        <v>68.437102553295418</v>
      </c>
      <c r="K133" s="71">
        <v>5.6192825977087955</v>
      </c>
      <c r="L133" s="274">
        <v>0.19268309308432113</v>
      </c>
      <c r="M133" s="275">
        <v>9.1368806502033606E-2</v>
      </c>
      <c r="N133" s="274">
        <v>0.29728292622799674</v>
      </c>
      <c r="O133" s="275">
        <v>0.10384064575782144</v>
      </c>
      <c r="P133" s="69">
        <v>76</v>
      </c>
      <c r="Q133" s="70">
        <v>70.36631969685115</v>
      </c>
      <c r="R133" s="71">
        <v>5.2257899772595735</v>
      </c>
      <c r="S133" s="274">
        <v>0.14876007544689807</v>
      </c>
      <c r="T133" s="275">
        <v>8.3264350159128114E-2</v>
      </c>
      <c r="U133" s="274">
        <v>0.32641193911896482</v>
      </c>
      <c r="V133" s="275">
        <v>0.10554741459893859</v>
      </c>
    </row>
    <row r="134" spans="1:22" s="5" customFormat="1">
      <c r="A134" s="40" t="s">
        <v>541</v>
      </c>
      <c r="B134" s="66">
        <v>75</v>
      </c>
      <c r="C134" s="67">
        <v>67.351825238122117</v>
      </c>
      <c r="D134" s="68">
        <v>5.679076048862945</v>
      </c>
      <c r="E134" s="271">
        <v>0.29081413585476662</v>
      </c>
      <c r="F134" s="272">
        <v>0.10325349259474248</v>
      </c>
      <c r="G134" s="271">
        <v>0.33246417650872301</v>
      </c>
      <c r="H134" s="272">
        <v>0.10666453841098569</v>
      </c>
      <c r="I134" s="66">
        <v>75</v>
      </c>
      <c r="J134" s="67">
        <v>65.498018518966475</v>
      </c>
      <c r="K134" s="68">
        <v>5.9355748048747783</v>
      </c>
      <c r="L134" s="271">
        <v>0.30550619443695876</v>
      </c>
      <c r="M134" s="272">
        <v>0.10455592605814348</v>
      </c>
      <c r="N134" s="271">
        <v>0.32285732096720854</v>
      </c>
      <c r="O134" s="272">
        <v>0.10595382266761887</v>
      </c>
      <c r="P134" s="66">
        <v>75</v>
      </c>
      <c r="Q134" s="67">
        <v>68.086356235216144</v>
      </c>
      <c r="R134" s="68">
        <v>5.7279438318248665</v>
      </c>
      <c r="S134" s="271">
        <v>0.26935282763114704</v>
      </c>
      <c r="T134" s="272">
        <v>0.10114600288208909</v>
      </c>
      <c r="U134" s="271">
        <v>0.37155671210137409</v>
      </c>
      <c r="V134" s="272">
        <v>0.10911164362339602</v>
      </c>
    </row>
    <row r="135" spans="1:22" s="5" customFormat="1">
      <c r="A135" s="44" t="s">
        <v>542</v>
      </c>
      <c r="B135" s="69">
        <v>606</v>
      </c>
      <c r="C135" s="70">
        <v>73.08358910247361</v>
      </c>
      <c r="D135" s="71">
        <v>1.9208403280379369</v>
      </c>
      <c r="E135" s="274">
        <v>0.20255605271117766</v>
      </c>
      <c r="F135" s="275">
        <v>3.2661562540698574E-2</v>
      </c>
      <c r="G135" s="274">
        <v>0.37241975233867153</v>
      </c>
      <c r="H135" s="275">
        <v>3.9166399592277565E-2</v>
      </c>
      <c r="I135" s="69">
        <v>605</v>
      </c>
      <c r="J135" s="70">
        <v>72.74198343354108</v>
      </c>
      <c r="K135" s="71">
        <v>1.9570362037722058</v>
      </c>
      <c r="L135" s="274">
        <v>0.21190397610868009</v>
      </c>
      <c r="M135" s="275">
        <v>3.3226831840943161E-2</v>
      </c>
      <c r="N135" s="274">
        <v>0.38524687700990506</v>
      </c>
      <c r="O135" s="275">
        <v>3.9454751368851432E-2</v>
      </c>
      <c r="P135" s="69">
        <v>602</v>
      </c>
      <c r="Q135" s="70">
        <v>74.215555796079499</v>
      </c>
      <c r="R135" s="71">
        <v>1.858177064972337</v>
      </c>
      <c r="S135" s="274">
        <v>0.1844233799149588</v>
      </c>
      <c r="T135" s="275">
        <v>3.1645912143270685E-2</v>
      </c>
      <c r="U135" s="274">
        <v>0.3949862710755781</v>
      </c>
      <c r="V135" s="275">
        <v>3.9728220168821923E-2</v>
      </c>
    </row>
    <row r="136" spans="1:22" s="5" customFormat="1">
      <c r="A136" s="40" t="s">
        <v>543</v>
      </c>
      <c r="B136" s="49">
        <v>59</v>
      </c>
      <c r="C136" s="50">
        <v>76.255175139108005</v>
      </c>
      <c r="D136" s="51">
        <v>6.3638024291238651</v>
      </c>
      <c r="E136" s="268">
        <v>0.16979008291418829</v>
      </c>
      <c r="F136" s="277">
        <v>9.9000727840379235E-2</v>
      </c>
      <c r="G136" s="268">
        <v>0.49323190879267997</v>
      </c>
      <c r="H136" s="277">
        <v>0.12597803412749861</v>
      </c>
      <c r="I136" s="49">
        <v>59</v>
      </c>
      <c r="J136" s="50">
        <v>77.644544970405789</v>
      </c>
      <c r="K136" s="51">
        <v>6.4972498424457337</v>
      </c>
      <c r="L136" s="268">
        <v>0.16894024636406396</v>
      </c>
      <c r="M136" s="277">
        <v>9.8842553850864101E-2</v>
      </c>
      <c r="N136" s="268">
        <v>0.4952558367890651</v>
      </c>
      <c r="O136" s="277">
        <v>0.12598318361613789</v>
      </c>
      <c r="P136" s="49">
        <v>59</v>
      </c>
      <c r="Q136" s="50">
        <v>75.844981449408749</v>
      </c>
      <c r="R136" s="51">
        <v>6.4496330743022252</v>
      </c>
      <c r="S136" s="268">
        <v>0.19303122066301767</v>
      </c>
      <c r="T136" s="277">
        <v>0.10308141277293706</v>
      </c>
      <c r="U136" s="268">
        <v>0.45564493892611735</v>
      </c>
      <c r="V136" s="277">
        <v>0.12555262541782694</v>
      </c>
    </row>
    <row r="137" spans="1:22" s="5" customFormat="1">
      <c r="A137" s="44" t="s">
        <v>550</v>
      </c>
      <c r="B137" s="69">
        <v>106</v>
      </c>
      <c r="C137" s="70">
        <v>68.326345725031629</v>
      </c>
      <c r="D137" s="71">
        <v>5.4309288353572258</v>
      </c>
      <c r="E137" s="274">
        <v>0.28345917207610755</v>
      </c>
      <c r="F137" s="275">
        <v>8.6646249117235161E-2</v>
      </c>
      <c r="G137" s="274">
        <v>0.29461069851016486</v>
      </c>
      <c r="H137" s="275">
        <v>8.7558279032686287E-2</v>
      </c>
      <c r="I137" s="69">
        <v>105</v>
      </c>
      <c r="J137" s="70">
        <v>67.206372491409581</v>
      </c>
      <c r="K137" s="71">
        <v>5.4764665131894539</v>
      </c>
      <c r="L137" s="274">
        <v>0.27360599721687717</v>
      </c>
      <c r="M137" s="275">
        <v>8.6191276818872176E-2</v>
      </c>
      <c r="N137" s="274">
        <v>0.29981712037121677</v>
      </c>
      <c r="O137" s="275">
        <v>8.8372439524693785E-2</v>
      </c>
      <c r="P137" s="69">
        <v>104</v>
      </c>
      <c r="Q137" s="70">
        <v>70.365902037251018</v>
      </c>
      <c r="R137" s="71">
        <v>5.0845634115880065</v>
      </c>
      <c r="S137" s="274">
        <v>0.21255701624478612</v>
      </c>
      <c r="T137" s="275">
        <v>8.0134944047968976E-2</v>
      </c>
      <c r="U137" s="274">
        <v>0.30270533913123598</v>
      </c>
      <c r="V137" s="275">
        <v>8.9007858243150259E-2</v>
      </c>
    </row>
    <row r="138" spans="1:22" s="5" customFormat="1">
      <c r="A138" s="52" t="s">
        <v>544</v>
      </c>
      <c r="B138" s="66">
        <v>121</v>
      </c>
      <c r="C138" s="67">
        <v>71.374173595973303</v>
      </c>
      <c r="D138" s="68">
        <v>4.1715068378878621</v>
      </c>
      <c r="E138" s="271">
        <v>0.17641424248346735</v>
      </c>
      <c r="F138" s="272">
        <v>6.97163010658685E-2</v>
      </c>
      <c r="G138" s="271">
        <v>0.2994810218219357</v>
      </c>
      <c r="H138" s="272">
        <v>8.242800875822219E-2</v>
      </c>
      <c r="I138" s="66">
        <v>121</v>
      </c>
      <c r="J138" s="67">
        <v>70.527349401738917</v>
      </c>
      <c r="K138" s="68">
        <v>4.460627953484531</v>
      </c>
      <c r="L138" s="271">
        <v>0.23474476850720524</v>
      </c>
      <c r="M138" s="272">
        <v>7.67480396729259E-2</v>
      </c>
      <c r="N138" s="271">
        <v>0.34930544289383675</v>
      </c>
      <c r="O138" s="272">
        <v>8.5551624268353513E-2</v>
      </c>
      <c r="P138" s="66">
        <v>119</v>
      </c>
      <c r="Q138" s="67">
        <v>71.940066653674037</v>
      </c>
      <c r="R138" s="68">
        <v>4.2220697494626149</v>
      </c>
      <c r="S138" s="271">
        <v>0.19415663649165402</v>
      </c>
      <c r="T138" s="272">
        <v>7.2682587490663308E-2</v>
      </c>
      <c r="U138" s="271">
        <v>0.34199751894241254</v>
      </c>
      <c r="V138" s="272">
        <v>8.5849658668341156E-2</v>
      </c>
    </row>
    <row r="139" spans="1:22" s="5" customFormat="1">
      <c r="A139" s="44" t="s">
        <v>545</v>
      </c>
      <c r="B139" s="69">
        <v>155</v>
      </c>
      <c r="C139" s="70">
        <v>73.676810859222002</v>
      </c>
      <c r="D139" s="71">
        <v>3.416169733280281</v>
      </c>
      <c r="E139" s="274">
        <v>0.1806248695869882</v>
      </c>
      <c r="F139" s="275">
        <v>6.2054362590688028E-2</v>
      </c>
      <c r="G139" s="274">
        <v>0.38241223549304287</v>
      </c>
      <c r="H139" s="275">
        <v>7.7192898781709096E-2</v>
      </c>
      <c r="I139" s="69">
        <v>155</v>
      </c>
      <c r="J139" s="70">
        <v>73.520249905750632</v>
      </c>
      <c r="K139" s="71">
        <v>3.3616021154381448</v>
      </c>
      <c r="L139" s="274">
        <v>0.1795759745227169</v>
      </c>
      <c r="M139" s="275">
        <v>6.1924955379981446E-2</v>
      </c>
      <c r="N139" s="274">
        <v>0.35207083527235988</v>
      </c>
      <c r="O139" s="275">
        <v>7.5935117304876468E-2</v>
      </c>
      <c r="P139" s="69">
        <v>155</v>
      </c>
      <c r="Q139" s="70">
        <v>75.877866079758846</v>
      </c>
      <c r="R139" s="71">
        <v>3.1432729965783799</v>
      </c>
      <c r="S139" s="274">
        <v>0.18559774270836019</v>
      </c>
      <c r="T139" s="275">
        <v>6.2658540365121432E-2</v>
      </c>
      <c r="U139" s="274">
        <v>0.42144257376106908</v>
      </c>
      <c r="V139" s="275">
        <v>7.8369441031578418E-2</v>
      </c>
    </row>
    <row r="140" spans="1:22" s="5" customFormat="1">
      <c r="A140" s="52" t="s">
        <v>546</v>
      </c>
      <c r="B140" s="66">
        <v>70</v>
      </c>
      <c r="C140" s="67">
        <v>80.274111616210121</v>
      </c>
      <c r="D140" s="68">
        <v>4.9679062746415799</v>
      </c>
      <c r="E140" s="271">
        <v>0.16088083230512529</v>
      </c>
      <c r="F140" s="272">
        <v>8.9168774447120416E-2</v>
      </c>
      <c r="G140" s="271">
        <v>0.50383088041262314</v>
      </c>
      <c r="H140" s="272">
        <v>0.11624458558307714</v>
      </c>
      <c r="I140" s="66">
        <v>70</v>
      </c>
      <c r="J140" s="67">
        <v>80.147909184291933</v>
      </c>
      <c r="K140" s="68">
        <v>5.0970522882334164</v>
      </c>
      <c r="L140" s="271">
        <v>0.15943405545361367</v>
      </c>
      <c r="M140" s="272">
        <v>8.8901671688086104E-2</v>
      </c>
      <c r="N140" s="271">
        <v>0.52882715157990345</v>
      </c>
      <c r="O140" s="272">
        <v>0.11607462781424517</v>
      </c>
      <c r="P140" s="66">
        <v>70</v>
      </c>
      <c r="Q140" s="67">
        <v>80.972628285685744</v>
      </c>
      <c r="R140" s="68">
        <v>4.6567140246365115</v>
      </c>
      <c r="S140" s="271">
        <v>0.10470573411475724</v>
      </c>
      <c r="T140" s="272">
        <v>7.7172531342818554E-2</v>
      </c>
      <c r="U140" s="271">
        <v>0.49619945441929575</v>
      </c>
      <c r="V140" s="272">
        <v>0.11624463374517356</v>
      </c>
    </row>
    <row r="141" spans="1:22" s="5" customFormat="1">
      <c r="A141" s="44" t="s">
        <v>547</v>
      </c>
      <c r="B141" s="69">
        <v>95</v>
      </c>
      <c r="C141" s="70">
        <v>72.957073805187107</v>
      </c>
      <c r="D141" s="71">
        <v>4.9037933098130173</v>
      </c>
      <c r="E141" s="274">
        <v>0.23156357775242256</v>
      </c>
      <c r="F141" s="275">
        <v>8.6139921672479081E-2</v>
      </c>
      <c r="G141" s="274">
        <v>0.38555565992178714</v>
      </c>
      <c r="H141" s="275">
        <v>9.8049564032653205E-2</v>
      </c>
      <c r="I141" s="69">
        <v>95</v>
      </c>
      <c r="J141" s="70">
        <v>72.79005089882736</v>
      </c>
      <c r="K141" s="71">
        <v>4.9457225538970659</v>
      </c>
      <c r="L141" s="274">
        <v>0.22753911886217057</v>
      </c>
      <c r="M141" s="275">
        <v>8.566853272127925E-2</v>
      </c>
      <c r="N141" s="274">
        <v>0.43438111958966119</v>
      </c>
      <c r="O141" s="275">
        <v>9.9703617306528269E-2</v>
      </c>
      <c r="P141" s="69">
        <v>95</v>
      </c>
      <c r="Q141" s="70">
        <v>72.600256427333832</v>
      </c>
      <c r="R141" s="71">
        <v>4.9544131493078281</v>
      </c>
      <c r="S141" s="274">
        <v>0.19506862365816452</v>
      </c>
      <c r="T141" s="275">
        <v>8.149582661009877E-2</v>
      </c>
      <c r="U141" s="274">
        <v>0.43175570760489712</v>
      </c>
      <c r="V141" s="275">
        <v>9.9638023600818124E-2</v>
      </c>
    </row>
    <row r="142" spans="1:22" s="5" customFormat="1">
      <c r="A142" s="52" t="s">
        <v>551</v>
      </c>
      <c r="B142" s="66">
        <v>710</v>
      </c>
      <c r="C142" s="67">
        <v>66.057815807249938</v>
      </c>
      <c r="D142" s="68">
        <v>1.9331643115388546</v>
      </c>
      <c r="E142" s="271">
        <v>0.30880028969568118</v>
      </c>
      <c r="F142" s="272">
        <v>3.4612794492751155E-2</v>
      </c>
      <c r="G142" s="271">
        <v>0.25689433830387026</v>
      </c>
      <c r="H142" s="272">
        <v>3.2759198790976773E-2</v>
      </c>
      <c r="I142" s="66">
        <v>706</v>
      </c>
      <c r="J142" s="67">
        <v>65.664306880915916</v>
      </c>
      <c r="K142" s="68">
        <v>1.9487417018228999</v>
      </c>
      <c r="L142" s="271">
        <v>0.31699005778514666</v>
      </c>
      <c r="M142" s="272">
        <v>3.4955398531285507E-2</v>
      </c>
      <c r="N142" s="271">
        <v>0.26568264481201476</v>
      </c>
      <c r="O142" s="272">
        <v>3.3205487247060309E-2</v>
      </c>
      <c r="P142" s="66">
        <v>705</v>
      </c>
      <c r="Q142" s="67">
        <v>67.074467515047644</v>
      </c>
      <c r="R142" s="68">
        <v>1.8791535807349848</v>
      </c>
      <c r="S142" s="271">
        <v>0.29792577140983539</v>
      </c>
      <c r="T142" s="272">
        <v>3.4389739728789462E-2</v>
      </c>
      <c r="U142" s="271">
        <v>0.27002727858219561</v>
      </c>
      <c r="V142" s="272">
        <v>3.3397855516818654E-2</v>
      </c>
    </row>
    <row r="143" spans="1:22" s="5" customFormat="1">
      <c r="A143" s="44" t="s">
        <v>552</v>
      </c>
      <c r="B143" s="69">
        <v>197</v>
      </c>
      <c r="C143" s="70">
        <v>67.083328161693032</v>
      </c>
      <c r="D143" s="71">
        <v>3.5712904947486326</v>
      </c>
      <c r="E143" s="274">
        <v>0.26430145431028529</v>
      </c>
      <c r="F143" s="275">
        <v>6.2555096716488193E-2</v>
      </c>
      <c r="G143" s="274">
        <v>0.25715741673829057</v>
      </c>
      <c r="H143" s="275">
        <v>6.2030531699873465E-2</v>
      </c>
      <c r="I143" s="69">
        <v>195</v>
      </c>
      <c r="J143" s="70">
        <v>66.822109588794547</v>
      </c>
      <c r="K143" s="71">
        <v>3.6485307451647713</v>
      </c>
      <c r="L143" s="274">
        <v>0.26900971633482013</v>
      </c>
      <c r="M143" s="275">
        <v>6.3208503432633692E-2</v>
      </c>
      <c r="N143" s="274">
        <v>0.26078647745190947</v>
      </c>
      <c r="O143" s="275">
        <v>6.2615392535488187E-2</v>
      </c>
      <c r="P143" s="69">
        <v>195</v>
      </c>
      <c r="Q143" s="70">
        <v>68.427196672057619</v>
      </c>
      <c r="R143" s="71">
        <v>3.541745578068388</v>
      </c>
      <c r="S143" s="274">
        <v>0.2578189187859587</v>
      </c>
      <c r="T143" s="275">
        <v>6.2394833438193062E-2</v>
      </c>
      <c r="U143" s="274">
        <v>0.29833088737746682</v>
      </c>
      <c r="V143" s="275">
        <v>6.5116537067318625E-2</v>
      </c>
    </row>
    <row r="144" spans="1:22" s="5" customFormat="1">
      <c r="A144" s="52" t="s">
        <v>553</v>
      </c>
      <c r="B144" s="66">
        <v>258</v>
      </c>
      <c r="C144" s="67">
        <v>63.940874597014208</v>
      </c>
      <c r="D144" s="68">
        <v>3.3096513306727249</v>
      </c>
      <c r="E144" s="271">
        <v>0.33138921185277453</v>
      </c>
      <c r="F144" s="272">
        <v>5.8274404170730043E-2</v>
      </c>
      <c r="G144" s="271">
        <v>0.21696842908378822</v>
      </c>
      <c r="H144" s="272">
        <v>5.1291781602091961E-2</v>
      </c>
      <c r="I144" s="66">
        <v>257</v>
      </c>
      <c r="J144" s="67">
        <v>64.568456059472012</v>
      </c>
      <c r="K144" s="68">
        <v>3.1941773063143448</v>
      </c>
      <c r="L144" s="271">
        <v>0.33604716587091993</v>
      </c>
      <c r="M144" s="272">
        <v>5.8583153585369391E-2</v>
      </c>
      <c r="N144" s="271">
        <v>0.22908230384101863</v>
      </c>
      <c r="O144" s="272">
        <v>5.2352483628231798E-2</v>
      </c>
      <c r="P144" s="66">
        <v>257</v>
      </c>
      <c r="Q144" s="67">
        <v>65.323316616605609</v>
      </c>
      <c r="R144" s="68">
        <v>3.1120339847783116</v>
      </c>
      <c r="S144" s="271">
        <v>0.29461744510154131</v>
      </c>
      <c r="T144" s="272">
        <v>5.6609306097055667E-2</v>
      </c>
      <c r="U144" s="271">
        <v>0.22142371627397461</v>
      </c>
      <c r="V144" s="272">
        <v>5.1751797298649781E-2</v>
      </c>
    </row>
    <row r="145" spans="1:45" s="5" customFormat="1">
      <c r="A145" s="44" t="s">
        <v>554</v>
      </c>
      <c r="B145" s="69">
        <v>230</v>
      </c>
      <c r="C145" s="70">
        <v>67.5661168456826</v>
      </c>
      <c r="D145" s="71">
        <v>3.4031836961551969</v>
      </c>
      <c r="E145" s="274">
        <v>0.31613872080072986</v>
      </c>
      <c r="F145" s="275">
        <v>6.0952675699798717E-2</v>
      </c>
      <c r="G145" s="274">
        <v>0.30538469692321962</v>
      </c>
      <c r="H145" s="275">
        <v>6.0398773443893952E-2</v>
      </c>
      <c r="I145" s="69">
        <v>229</v>
      </c>
      <c r="J145" s="70">
        <v>65.971308481507052</v>
      </c>
      <c r="K145" s="71">
        <v>3.5514087171905366</v>
      </c>
      <c r="L145" s="274">
        <v>0.33576263326152606</v>
      </c>
      <c r="M145" s="275">
        <v>6.2004330537558369E-2</v>
      </c>
      <c r="N145" s="274">
        <v>0.3155776088105034</v>
      </c>
      <c r="O145" s="275">
        <v>6.1055963724837209E-2</v>
      </c>
      <c r="P145" s="69">
        <v>229</v>
      </c>
      <c r="Q145" s="70">
        <v>68.018066396767523</v>
      </c>
      <c r="R145" s="71">
        <v>3.3005597690134834</v>
      </c>
      <c r="S145" s="274">
        <v>0.33595900582779953</v>
      </c>
      <c r="T145" s="275">
        <v>6.2012950473917069E-2</v>
      </c>
      <c r="U145" s="274">
        <v>0.30010241759608308</v>
      </c>
      <c r="V145" s="275">
        <v>6.024287954064847E-2</v>
      </c>
    </row>
    <row r="146" spans="1:45" s="5" customFormat="1"/>
    <row r="148" spans="1:45" customFormat="1" ht="18.75">
      <c r="A148" s="346" t="s">
        <v>248</v>
      </c>
      <c r="B148" s="346"/>
      <c r="C148" s="346"/>
      <c r="D148" s="346"/>
      <c r="E148" s="346"/>
      <c r="F148" s="346"/>
      <c r="G148" s="346"/>
      <c r="H148" s="346"/>
      <c r="I148" s="346"/>
      <c r="J148" s="346"/>
      <c r="K148" s="346"/>
      <c r="L148" s="224"/>
      <c r="M148" s="224"/>
      <c r="N148" s="224"/>
      <c r="O148" s="224"/>
      <c r="P148" s="242"/>
      <c r="Q148" s="242"/>
      <c r="R148" s="242"/>
      <c r="S148" s="242"/>
    </row>
    <row r="149" spans="1:45" customFormat="1" ht="69.75" customHeight="1">
      <c r="A149" s="349" t="s">
        <v>584</v>
      </c>
      <c r="B149" s="349"/>
      <c r="C149" s="349"/>
      <c r="D149" s="349"/>
      <c r="E149" s="349"/>
      <c r="F149" s="349"/>
      <c r="G149" s="349"/>
      <c r="H149" s="349"/>
      <c r="I149" s="349"/>
      <c r="J149" s="349"/>
      <c r="K149" s="349"/>
      <c r="L149" s="249"/>
      <c r="M149" s="249"/>
      <c r="N149" s="249"/>
      <c r="O149" s="249"/>
      <c r="P149" s="242"/>
      <c r="Q149" s="242"/>
      <c r="R149" s="242"/>
      <c r="S149" s="242"/>
    </row>
    <row r="150" spans="1:45" customFormat="1" ht="49.5" customHeight="1">
      <c r="A150" s="352" t="s">
        <v>249</v>
      </c>
      <c r="B150" s="353"/>
      <c r="C150" s="353"/>
      <c r="D150" s="354"/>
      <c r="E150" s="352" t="s">
        <v>325</v>
      </c>
      <c r="F150" s="353"/>
      <c r="G150" s="353"/>
      <c r="H150" s="353"/>
      <c r="I150" s="353"/>
      <c r="J150" s="353"/>
      <c r="K150" s="354"/>
      <c r="L150" s="289"/>
      <c r="M150" s="289"/>
      <c r="N150" s="289"/>
      <c r="O150" s="289"/>
      <c r="P150" s="289"/>
      <c r="Q150" s="289"/>
      <c r="R150" s="289"/>
      <c r="S150" s="289"/>
      <c r="T150" s="289"/>
      <c r="U150" s="289"/>
      <c r="V150" s="289"/>
      <c r="W150" s="289"/>
      <c r="X150" s="289"/>
      <c r="Y150" s="289"/>
      <c r="Z150" s="289"/>
      <c r="AA150" s="289"/>
      <c r="AB150" s="289"/>
      <c r="AC150" s="289"/>
      <c r="AD150" s="289"/>
      <c r="AE150" s="289"/>
      <c r="AF150" s="289"/>
      <c r="AG150" s="289"/>
      <c r="AH150" s="289"/>
      <c r="AI150" s="289"/>
      <c r="AJ150" s="289"/>
      <c r="AK150" s="289"/>
      <c r="AL150" s="289"/>
      <c r="AM150" s="289"/>
      <c r="AN150" s="289"/>
      <c r="AO150" s="289"/>
      <c r="AP150" s="289"/>
      <c r="AQ150" s="289"/>
      <c r="AR150" s="289"/>
      <c r="AS150" s="289"/>
    </row>
    <row r="151" spans="1:45" customFormat="1" ht="72">
      <c r="A151" s="32" t="s">
        <v>71</v>
      </c>
      <c r="B151" s="33" t="s">
        <v>72</v>
      </c>
      <c r="C151" s="34" t="s">
        <v>592</v>
      </c>
      <c r="D151" s="35" t="s">
        <v>73</v>
      </c>
      <c r="E151" s="60" t="s">
        <v>72</v>
      </c>
      <c r="F151" s="60" t="s">
        <v>280</v>
      </c>
      <c r="G151" s="83" t="s">
        <v>283</v>
      </c>
      <c r="H151" s="60" t="s">
        <v>281</v>
      </c>
      <c r="I151" s="83" t="s">
        <v>284</v>
      </c>
      <c r="J151" s="60" t="s">
        <v>282</v>
      </c>
      <c r="K151" s="83" t="s">
        <v>285</v>
      </c>
    </row>
    <row r="152" spans="1:45" customFormat="1" ht="60">
      <c r="A152" s="36"/>
      <c r="B152" s="37" t="s">
        <v>74</v>
      </c>
      <c r="C152" s="38" t="s">
        <v>358</v>
      </c>
      <c r="D152" s="39" t="s">
        <v>76</v>
      </c>
      <c r="E152" s="63" t="s">
        <v>74</v>
      </c>
      <c r="F152" s="63" t="s">
        <v>456</v>
      </c>
      <c r="G152" s="85" t="s">
        <v>88</v>
      </c>
      <c r="H152" s="63" t="s">
        <v>457</v>
      </c>
      <c r="I152" s="85" t="s">
        <v>88</v>
      </c>
      <c r="J152" s="63" t="s">
        <v>458</v>
      </c>
      <c r="K152" s="85" t="s">
        <v>88</v>
      </c>
    </row>
    <row r="153" spans="1:45" customFormat="1">
      <c r="A153" s="40" t="s">
        <v>350</v>
      </c>
      <c r="B153" s="146">
        <v>6468</v>
      </c>
      <c r="C153" s="79">
        <v>6.800068182731672</v>
      </c>
      <c r="D153" s="80">
        <v>5.681447164843071E-2</v>
      </c>
      <c r="E153" s="78">
        <v>6468</v>
      </c>
      <c r="F153" s="93">
        <v>0.36827973299306516</v>
      </c>
      <c r="G153" s="89">
        <v>1.1991736213723708E-2</v>
      </c>
      <c r="H153" s="93">
        <v>0.27035640952930895</v>
      </c>
      <c r="I153" s="89">
        <v>1.1043486020605384E-2</v>
      </c>
      <c r="J153" s="93">
        <v>0.36136385747762279</v>
      </c>
      <c r="K153" s="89">
        <v>1.1943515867995757E-2</v>
      </c>
    </row>
    <row r="154" spans="1:45" customFormat="1">
      <c r="A154" s="44" t="s">
        <v>351</v>
      </c>
      <c r="B154" s="44">
        <v>5924</v>
      </c>
      <c r="C154" s="148">
        <v>6.7993681235548804</v>
      </c>
      <c r="D154" s="149">
        <v>5.9403315274579149E-2</v>
      </c>
      <c r="E154" s="120">
        <v>5924</v>
      </c>
      <c r="F154" s="144">
        <v>0.36765683379411906</v>
      </c>
      <c r="G154" s="92">
        <v>1.252551821664807E-2</v>
      </c>
      <c r="H154" s="145">
        <v>0.27224640288971447</v>
      </c>
      <c r="I154" s="92">
        <v>1.1564472727911175E-2</v>
      </c>
      <c r="J154" s="145">
        <v>0.36009676331617407</v>
      </c>
      <c r="K154" s="92">
        <v>1.2470031271905732E-2</v>
      </c>
    </row>
    <row r="155" spans="1:45" customFormat="1">
      <c r="A155" s="40" t="s">
        <v>352</v>
      </c>
      <c r="B155" s="48">
        <v>544</v>
      </c>
      <c r="C155" s="79">
        <v>6.8023257744976577</v>
      </c>
      <c r="D155" s="80">
        <v>0.19457927431811514</v>
      </c>
      <c r="E155" s="78">
        <v>544</v>
      </c>
      <c r="F155" s="93">
        <v>0.37028849475106418</v>
      </c>
      <c r="G155" s="89">
        <v>4.1277028349586686E-2</v>
      </c>
      <c r="H155" s="93">
        <v>0.26426144843183563</v>
      </c>
      <c r="I155" s="89">
        <v>3.7750202223659338E-2</v>
      </c>
      <c r="J155" s="93">
        <v>0.3654500568170983</v>
      </c>
      <c r="K155" s="89">
        <v>4.1165469517478494E-2</v>
      </c>
    </row>
    <row r="156" spans="1:45" customFormat="1">
      <c r="A156" s="44" t="s">
        <v>534</v>
      </c>
      <c r="B156" s="44">
        <v>1737</v>
      </c>
      <c r="C156" s="148">
        <v>7.032820651631738</v>
      </c>
      <c r="D156" s="149">
        <v>0.10520709906135657</v>
      </c>
      <c r="E156" s="120">
        <v>1737</v>
      </c>
      <c r="F156" s="144">
        <v>0.34142945593353302</v>
      </c>
      <c r="G156" s="92">
        <v>2.2734932944932236E-2</v>
      </c>
      <c r="H156" s="145">
        <v>0.27524424420329874</v>
      </c>
      <c r="I156" s="92">
        <v>2.1420904493665432E-2</v>
      </c>
      <c r="J156" s="145">
        <v>0.38332629986316519</v>
      </c>
      <c r="K156" s="92">
        <v>2.3307732161986644E-2</v>
      </c>
    </row>
    <row r="157" spans="1:45" customFormat="1">
      <c r="A157" s="40" t="s">
        <v>535</v>
      </c>
      <c r="B157" s="48">
        <v>1613</v>
      </c>
      <c r="C157" s="79">
        <v>7.0355435430178543</v>
      </c>
      <c r="D157" s="80">
        <v>0.10955083314503397</v>
      </c>
      <c r="E157" s="78">
        <v>1613</v>
      </c>
      <c r="F157" s="93">
        <v>0.33661993252227618</v>
      </c>
      <c r="G157" s="89">
        <v>2.3510092164793186E-2</v>
      </c>
      <c r="H157" s="93">
        <v>0.27146078080600916</v>
      </c>
      <c r="I157" s="89">
        <v>2.2132893219529579E-2</v>
      </c>
      <c r="J157" s="93">
        <v>0.39191928667171622</v>
      </c>
      <c r="K157" s="89">
        <v>2.4283232930289278E-2</v>
      </c>
    </row>
    <row r="158" spans="1:45" customFormat="1">
      <c r="A158" s="44" t="s">
        <v>536</v>
      </c>
      <c r="B158" s="44">
        <v>232</v>
      </c>
      <c r="C158" s="148">
        <v>6.5536571410193085</v>
      </c>
      <c r="D158" s="149">
        <v>0.28822177374801022</v>
      </c>
      <c r="E158" s="120">
        <v>232</v>
      </c>
      <c r="F158" s="144">
        <v>0.41518498713130325</v>
      </c>
      <c r="G158" s="92">
        <v>6.4183027146827179E-2</v>
      </c>
      <c r="H158" s="145">
        <v>0.29512712914484562</v>
      </c>
      <c r="I158" s="92">
        <v>5.9580149551706763E-2</v>
      </c>
      <c r="J158" s="145">
        <v>0.28968788372385296</v>
      </c>
      <c r="K158" s="92">
        <v>5.926891738817136E-2</v>
      </c>
    </row>
    <row r="159" spans="1:45" customFormat="1">
      <c r="A159" s="40" t="s">
        <v>537</v>
      </c>
      <c r="B159" s="48">
        <v>54</v>
      </c>
      <c r="C159" s="79">
        <v>7.1508146504706804</v>
      </c>
      <c r="D159" s="80">
        <v>0.54990651176410976</v>
      </c>
      <c r="E159" s="78">
        <v>54</v>
      </c>
      <c r="F159" s="93">
        <v>0.26059156145513851</v>
      </c>
      <c r="G159" s="89">
        <v>0.11753699322465838</v>
      </c>
      <c r="H159" s="93">
        <v>0.31940644528076151</v>
      </c>
      <c r="I159" s="89">
        <v>0.12365952559479319</v>
      </c>
      <c r="J159" s="93">
        <v>0.42000199326409965</v>
      </c>
      <c r="K159" s="89">
        <v>0.12984144046905799</v>
      </c>
    </row>
    <row r="160" spans="1:45" customFormat="1">
      <c r="A160" s="44" t="s">
        <v>538</v>
      </c>
      <c r="B160" s="44">
        <v>40</v>
      </c>
      <c r="C160" s="148">
        <v>6.6269381102949749</v>
      </c>
      <c r="D160" s="149">
        <v>0.69252523378588837</v>
      </c>
      <c r="E160" s="120">
        <v>40</v>
      </c>
      <c r="F160" s="144">
        <v>0.47403053856034544</v>
      </c>
      <c r="G160" s="92">
        <v>0.15058752632884401</v>
      </c>
      <c r="H160" s="145">
        <v>0.23357971714228148</v>
      </c>
      <c r="I160" s="92">
        <v>0.13188805013056973</v>
      </c>
      <c r="J160" s="145">
        <v>0.29238974429737291</v>
      </c>
      <c r="K160" s="92">
        <v>0.13960284488346203</v>
      </c>
    </row>
    <row r="161" spans="1:11" customFormat="1">
      <c r="A161" s="40" t="s">
        <v>539</v>
      </c>
      <c r="B161" s="48">
        <v>43</v>
      </c>
      <c r="C161" s="79">
        <v>5.8633656874228173</v>
      </c>
      <c r="D161" s="80">
        <v>0.66284643070750615</v>
      </c>
      <c r="E161" s="78">
        <v>43</v>
      </c>
      <c r="F161" s="93">
        <v>0.55483233370059371</v>
      </c>
      <c r="G161" s="89">
        <v>0.14512896607085124</v>
      </c>
      <c r="H161" s="93">
        <v>0.30366066910253592</v>
      </c>
      <c r="I161" s="89">
        <v>0.13612672649716406</v>
      </c>
      <c r="J161" s="93">
        <v>0.14150699719687002</v>
      </c>
      <c r="K161" s="89">
        <v>0.11009751110958742</v>
      </c>
    </row>
    <row r="162" spans="1:11" customFormat="1">
      <c r="A162" s="44" t="s">
        <v>540</v>
      </c>
      <c r="B162" s="44">
        <v>48</v>
      </c>
      <c r="C162" s="148">
        <v>6.591915268033615</v>
      </c>
      <c r="D162" s="149">
        <v>0.71952869131679098</v>
      </c>
      <c r="E162" s="120">
        <v>48</v>
      </c>
      <c r="F162" s="144">
        <v>0.35671891698360148</v>
      </c>
      <c r="G162" s="92">
        <v>0.13373551248954682</v>
      </c>
      <c r="H162" s="145">
        <v>0.27644154968854051</v>
      </c>
      <c r="I162" s="92">
        <v>0.12631306372477757</v>
      </c>
      <c r="J162" s="145">
        <v>0.36683953332785785</v>
      </c>
      <c r="K162" s="92">
        <v>0.13441935647077277</v>
      </c>
    </row>
    <row r="163" spans="1:11" customFormat="1">
      <c r="A163" s="40" t="s">
        <v>541</v>
      </c>
      <c r="B163" s="146">
        <v>47</v>
      </c>
      <c r="C163" s="79">
        <v>6.548478124821087</v>
      </c>
      <c r="D163" s="80">
        <v>0.56495441030076465</v>
      </c>
      <c r="E163" s="78">
        <v>47</v>
      </c>
      <c r="F163" s="93">
        <v>0.43533389428783437</v>
      </c>
      <c r="G163" s="89">
        <v>0.13902983876551711</v>
      </c>
      <c r="H163" s="93">
        <v>0.32841443111420199</v>
      </c>
      <c r="I163" s="89">
        <v>0.13284092638013531</v>
      </c>
      <c r="J163" s="93">
        <v>0.23625167459796351</v>
      </c>
      <c r="K163" s="89">
        <v>0.12236902580278396</v>
      </c>
    </row>
    <row r="164" spans="1:11" customFormat="1">
      <c r="A164" s="44" t="s">
        <v>542</v>
      </c>
      <c r="B164" s="147">
        <v>393</v>
      </c>
      <c r="C164" s="148">
        <v>7.1603221867052387</v>
      </c>
      <c r="D164" s="149">
        <v>0.22649974702996722</v>
      </c>
      <c r="E164" s="120">
        <v>393</v>
      </c>
      <c r="F164" s="144">
        <v>0.29187259704643842</v>
      </c>
      <c r="G164" s="92">
        <v>4.5729626364028234E-2</v>
      </c>
      <c r="H164" s="145">
        <v>0.27438929858481376</v>
      </c>
      <c r="I164" s="92">
        <v>4.4903517128803465E-2</v>
      </c>
      <c r="J164" s="145">
        <v>0.43373810436874782</v>
      </c>
      <c r="K164" s="92">
        <v>4.9754803503308374E-2</v>
      </c>
    </row>
    <row r="165" spans="1:11" customFormat="1">
      <c r="A165" s="40" t="s">
        <v>543</v>
      </c>
      <c r="B165" s="78">
        <v>39</v>
      </c>
      <c r="C165" s="79">
        <v>7.0151662811365219</v>
      </c>
      <c r="D165" s="80">
        <v>0.69971643410021223</v>
      </c>
      <c r="E165" s="78">
        <v>39</v>
      </c>
      <c r="F165" s="93">
        <v>0.30978854183692112</v>
      </c>
      <c r="G165" s="89">
        <v>0.14313362024651943</v>
      </c>
      <c r="H165" s="93">
        <v>0.27709795296567746</v>
      </c>
      <c r="I165" s="89">
        <v>0.13947693485132534</v>
      </c>
      <c r="J165" s="93">
        <v>0.41311350519740164</v>
      </c>
      <c r="K165" s="89">
        <v>0.15059260454030379</v>
      </c>
    </row>
    <row r="166" spans="1:11" customFormat="1">
      <c r="A166" s="44" t="s">
        <v>550</v>
      </c>
      <c r="B166" s="147">
        <v>82</v>
      </c>
      <c r="C166" s="148">
        <v>7.0079743887164394</v>
      </c>
      <c r="D166" s="149">
        <v>0.56438102244206279</v>
      </c>
      <c r="E166" s="120">
        <v>82</v>
      </c>
      <c r="F166" s="144">
        <v>0.27604533763363848</v>
      </c>
      <c r="G166" s="92">
        <v>9.7504073015090814E-2</v>
      </c>
      <c r="H166" s="145">
        <v>0.29853712900438029</v>
      </c>
      <c r="I166" s="92">
        <v>9.9557268679813349E-2</v>
      </c>
      <c r="J166" s="145">
        <v>0.42541753336198057</v>
      </c>
      <c r="K166" s="92">
        <v>0.1067365520153761</v>
      </c>
    </row>
    <row r="167" spans="1:11" customFormat="1">
      <c r="A167" s="52" t="s">
        <v>544</v>
      </c>
      <c r="B167" s="146">
        <v>75</v>
      </c>
      <c r="C167" s="79">
        <v>6.9245582181252097</v>
      </c>
      <c r="D167" s="80">
        <v>0.53716461070357724</v>
      </c>
      <c r="E167" s="78">
        <v>75</v>
      </c>
      <c r="F167" s="93">
        <v>0.37525240996518355</v>
      </c>
      <c r="G167" s="89">
        <v>0.10930714767333345</v>
      </c>
      <c r="H167" s="93">
        <v>0.19637715280986701</v>
      </c>
      <c r="I167" s="89">
        <v>9.193068483219094E-2</v>
      </c>
      <c r="J167" s="93">
        <v>0.42837043722494939</v>
      </c>
      <c r="K167" s="89">
        <v>0.11146336767019416</v>
      </c>
    </row>
    <row r="168" spans="1:11" customFormat="1">
      <c r="A168" s="44" t="s">
        <v>545</v>
      </c>
      <c r="B168" s="147">
        <v>97</v>
      </c>
      <c r="C168" s="148">
        <v>7.1647867935117562</v>
      </c>
      <c r="D168" s="149">
        <v>0.45128613780020388</v>
      </c>
      <c r="E168" s="120">
        <v>97</v>
      </c>
      <c r="F168" s="144">
        <v>0.28873274536939203</v>
      </c>
      <c r="G168" s="92">
        <v>9.0942587651489312E-2</v>
      </c>
      <c r="H168" s="145">
        <v>0.23805180898452896</v>
      </c>
      <c r="I168" s="92">
        <v>8.5991139283617776E-2</v>
      </c>
      <c r="J168" s="145">
        <v>0.47321544564607881</v>
      </c>
      <c r="K168" s="92">
        <v>9.9371945987603072E-2</v>
      </c>
    </row>
    <row r="169" spans="1:11" customFormat="1">
      <c r="A169" s="52" t="s">
        <v>546</v>
      </c>
      <c r="B169" s="146">
        <v>52</v>
      </c>
      <c r="C169" s="79">
        <v>7.9254806446986246</v>
      </c>
      <c r="D169" s="80">
        <v>0.50221908720269526</v>
      </c>
      <c r="E169" s="78">
        <v>52</v>
      </c>
      <c r="F169" s="93">
        <v>0.20175926805220662</v>
      </c>
      <c r="G169" s="89">
        <v>0.11126077554756743</v>
      </c>
      <c r="H169" s="93">
        <v>0.31775561190080098</v>
      </c>
      <c r="I169" s="89">
        <v>0.1257441408891746</v>
      </c>
      <c r="J169" s="93">
        <v>0.48048512004699234</v>
      </c>
      <c r="K169" s="89">
        <v>0.1335428317620177</v>
      </c>
    </row>
    <row r="170" spans="1:11" customFormat="1">
      <c r="A170" s="44" t="s">
        <v>547</v>
      </c>
      <c r="B170" s="147">
        <v>48</v>
      </c>
      <c r="C170" s="148">
        <v>7.2212352090864718</v>
      </c>
      <c r="D170" s="149">
        <v>0.56974657844160448</v>
      </c>
      <c r="E170" s="120">
        <v>48</v>
      </c>
      <c r="F170" s="144">
        <v>0.24374007029146624</v>
      </c>
      <c r="G170" s="92">
        <v>0.12217428281586597</v>
      </c>
      <c r="H170" s="145">
        <v>0.4193313966328796</v>
      </c>
      <c r="I170" s="92">
        <v>0.1371285789248855</v>
      </c>
      <c r="J170" s="145">
        <v>0.33692853307565457</v>
      </c>
      <c r="K170" s="92">
        <v>0.13224146601993877</v>
      </c>
    </row>
    <row r="171" spans="1:11" customFormat="1">
      <c r="A171" s="52" t="s">
        <v>551</v>
      </c>
      <c r="B171" s="146">
        <v>166</v>
      </c>
      <c r="C171" s="79">
        <v>7.0672697698545095</v>
      </c>
      <c r="D171" s="80">
        <v>0.32757182614802483</v>
      </c>
      <c r="E171" s="78">
        <v>166</v>
      </c>
      <c r="F171" s="93">
        <v>0.34316333534406451</v>
      </c>
      <c r="G171" s="89">
        <v>7.3010262481012209E-2</v>
      </c>
      <c r="H171" s="93">
        <v>0.2831020425355173</v>
      </c>
      <c r="I171" s="89">
        <v>6.9475869681203811E-2</v>
      </c>
      <c r="J171" s="93">
        <v>0.37373462212041958</v>
      </c>
      <c r="K171" s="89">
        <v>7.432812531891822E-2</v>
      </c>
    </row>
    <row r="172" spans="1:11" customFormat="1">
      <c r="A172" s="44" t="s">
        <v>552</v>
      </c>
      <c r="B172" s="147">
        <v>56</v>
      </c>
      <c r="C172" s="148">
        <v>7.3777323986367334</v>
      </c>
      <c r="D172" s="149">
        <v>0.56674723134958871</v>
      </c>
      <c r="E172" s="120">
        <v>56</v>
      </c>
      <c r="F172" s="144">
        <v>0.24823656810003733</v>
      </c>
      <c r="G172" s="92">
        <v>0.11395460327322521</v>
      </c>
      <c r="H172" s="145">
        <v>0.30969170689281089</v>
      </c>
      <c r="I172" s="92">
        <v>0.1206788449356416</v>
      </c>
      <c r="J172" s="145">
        <v>0.44207172500715125</v>
      </c>
      <c r="K172" s="92">
        <v>0.12834246516594824</v>
      </c>
    </row>
    <row r="173" spans="1:11" customFormat="1">
      <c r="A173" s="52" t="s">
        <v>553</v>
      </c>
      <c r="B173" s="146">
        <v>54</v>
      </c>
      <c r="C173" s="79">
        <v>6.6470419177786262</v>
      </c>
      <c r="D173" s="80">
        <v>0.61226501820666301</v>
      </c>
      <c r="E173" s="78">
        <v>54</v>
      </c>
      <c r="F173" s="93">
        <v>0.42080164847755036</v>
      </c>
      <c r="G173" s="89">
        <v>0.12987074313326244</v>
      </c>
      <c r="H173" s="93">
        <v>0.27937680688594457</v>
      </c>
      <c r="I173" s="89">
        <v>0.11971449815684587</v>
      </c>
      <c r="J173" s="93">
        <v>0.29982154463650473</v>
      </c>
      <c r="K173" s="89">
        <v>0.12184362171931326</v>
      </c>
    </row>
    <row r="174" spans="1:11" customFormat="1">
      <c r="A174" s="44" t="s">
        <v>554</v>
      </c>
      <c r="B174" s="147">
        <v>56</v>
      </c>
      <c r="C174" s="148">
        <v>7.1659251162041864</v>
      </c>
      <c r="D174" s="149">
        <v>0.51352613459208751</v>
      </c>
      <c r="E174" s="120">
        <v>56</v>
      </c>
      <c r="F174" s="144">
        <v>0.36426379339541343</v>
      </c>
      <c r="G174" s="92">
        <v>0.12488671454942291</v>
      </c>
      <c r="H174" s="145">
        <v>0.25902274355222948</v>
      </c>
      <c r="I174" s="92">
        <v>0.11530092354836373</v>
      </c>
      <c r="J174" s="145">
        <v>0.37671346305235687</v>
      </c>
      <c r="K174" s="92">
        <v>0.12563425369464676</v>
      </c>
    </row>
    <row r="175" spans="1:11" s="238" customFormat="1">
      <c r="A175" s="231"/>
      <c r="B175" s="232"/>
      <c r="C175" s="233"/>
      <c r="D175" s="234"/>
      <c r="E175" s="235"/>
      <c r="F175" s="236"/>
      <c r="G175" s="237"/>
      <c r="H175" s="236"/>
      <c r="I175" s="237"/>
    </row>
    <row r="176" spans="1:11" s="238" customFormat="1">
      <c r="A176" s="231"/>
      <c r="B176" s="232"/>
      <c r="C176" s="233"/>
      <c r="D176" s="234"/>
      <c r="E176" s="235"/>
      <c r="F176" s="236"/>
      <c r="G176" s="237"/>
      <c r="H176" s="236"/>
      <c r="I176" s="237"/>
    </row>
    <row r="177" spans="1:22" customFormat="1" ht="18.75">
      <c r="A177" s="344" t="s">
        <v>250</v>
      </c>
      <c r="B177" s="344"/>
      <c r="C177" s="344"/>
      <c r="D177" s="344"/>
      <c r="E177" s="344"/>
      <c r="F177" s="344"/>
      <c r="G177" s="344"/>
      <c r="H177" s="344"/>
      <c r="I177" s="344"/>
      <c r="J177" s="344"/>
      <c r="K177" s="344"/>
      <c r="L177" s="344"/>
      <c r="M177" s="344"/>
      <c r="N177" s="344"/>
      <c r="O177" s="344"/>
      <c r="P177" s="344"/>
      <c r="Q177" s="344"/>
      <c r="R177" s="344"/>
      <c r="S177" s="344"/>
      <c r="T177" s="344"/>
      <c r="U177" s="344"/>
      <c r="V177" s="344"/>
    </row>
    <row r="178" spans="1:22" customFormat="1" ht="80.25" customHeight="1">
      <c r="A178" s="350" t="s">
        <v>585</v>
      </c>
      <c r="B178" s="350"/>
      <c r="C178" s="350"/>
      <c r="D178" s="350"/>
      <c r="E178" s="350"/>
      <c r="F178" s="350"/>
      <c r="G178" s="350"/>
      <c r="H178" s="350"/>
      <c r="I178" s="350"/>
      <c r="J178" s="350"/>
      <c r="K178" s="350"/>
      <c r="L178" s="350"/>
      <c r="M178" s="350"/>
      <c r="N178" s="350"/>
      <c r="O178" s="350"/>
      <c r="P178" s="350"/>
      <c r="Q178" s="350"/>
      <c r="R178" s="350"/>
      <c r="S178" s="350"/>
      <c r="T178" s="350"/>
      <c r="U178" s="350"/>
      <c r="V178" s="350"/>
    </row>
    <row r="179" spans="1:22" customFormat="1" ht="15.75">
      <c r="A179" s="294"/>
      <c r="B179" s="351" t="s">
        <v>286</v>
      </c>
      <c r="C179" s="351"/>
      <c r="D179" s="351"/>
      <c r="E179" s="351"/>
      <c r="F179" s="351"/>
      <c r="G179" s="351"/>
      <c r="H179" s="351"/>
      <c r="I179" s="351" t="s">
        <v>287</v>
      </c>
      <c r="J179" s="351"/>
      <c r="K179" s="351"/>
      <c r="L179" s="351"/>
      <c r="M179" s="351"/>
      <c r="N179" s="351"/>
      <c r="O179" s="351"/>
      <c r="P179" s="351" t="s">
        <v>288</v>
      </c>
      <c r="Q179" s="351"/>
      <c r="R179" s="351"/>
      <c r="S179" s="351"/>
      <c r="T179" s="351"/>
      <c r="U179" s="351"/>
      <c r="V179" s="351"/>
    </row>
    <row r="180" spans="1:22" customFormat="1" ht="72">
      <c r="A180" s="32" t="s">
        <v>71</v>
      </c>
      <c r="B180" s="33" t="s">
        <v>72</v>
      </c>
      <c r="C180" s="33" t="s">
        <v>251</v>
      </c>
      <c r="D180" s="84" t="s">
        <v>254</v>
      </c>
      <c r="E180" s="33" t="s">
        <v>253</v>
      </c>
      <c r="F180" s="84" t="s">
        <v>255</v>
      </c>
      <c r="G180" s="33" t="s">
        <v>252</v>
      </c>
      <c r="H180" s="84" t="s">
        <v>256</v>
      </c>
      <c r="I180" s="60" t="s">
        <v>72</v>
      </c>
      <c r="J180" s="60" t="s">
        <v>257</v>
      </c>
      <c r="K180" s="83" t="s">
        <v>258</v>
      </c>
      <c r="L180" s="60" t="s">
        <v>259</v>
      </c>
      <c r="M180" s="83" t="s">
        <v>260</v>
      </c>
      <c r="N180" s="60" t="s">
        <v>261</v>
      </c>
      <c r="O180" s="83" t="s">
        <v>262</v>
      </c>
      <c r="P180" s="33" t="s">
        <v>72</v>
      </c>
      <c r="Q180" s="33" t="s">
        <v>263</v>
      </c>
      <c r="R180" s="84" t="s">
        <v>264</v>
      </c>
      <c r="S180" s="33" t="s">
        <v>265</v>
      </c>
      <c r="T180" s="84" t="s">
        <v>266</v>
      </c>
      <c r="U180" s="33" t="s">
        <v>267</v>
      </c>
      <c r="V180" s="84" t="s">
        <v>268</v>
      </c>
    </row>
    <row r="181" spans="1:22" customFormat="1" ht="60">
      <c r="A181" s="36"/>
      <c r="B181" s="37" t="s">
        <v>74</v>
      </c>
      <c r="C181" s="37" t="s">
        <v>456</v>
      </c>
      <c r="D181" s="86" t="s">
        <v>88</v>
      </c>
      <c r="E181" s="37" t="s">
        <v>457</v>
      </c>
      <c r="F181" s="86" t="s">
        <v>88</v>
      </c>
      <c r="G181" s="37" t="s">
        <v>458</v>
      </c>
      <c r="H181" s="86" t="s">
        <v>88</v>
      </c>
      <c r="I181" s="63" t="s">
        <v>74</v>
      </c>
      <c r="J181" s="63" t="s">
        <v>456</v>
      </c>
      <c r="K181" s="85" t="s">
        <v>88</v>
      </c>
      <c r="L181" s="63" t="s">
        <v>457</v>
      </c>
      <c r="M181" s="85" t="s">
        <v>88</v>
      </c>
      <c r="N181" s="63" t="s">
        <v>458</v>
      </c>
      <c r="O181" s="85" t="s">
        <v>88</v>
      </c>
      <c r="P181" s="37" t="s">
        <v>74</v>
      </c>
      <c r="Q181" s="37" t="s">
        <v>456</v>
      </c>
      <c r="R181" s="86" t="s">
        <v>88</v>
      </c>
      <c r="S181" s="37" t="s">
        <v>457</v>
      </c>
      <c r="T181" s="86" t="s">
        <v>88</v>
      </c>
      <c r="U181" s="37" t="s">
        <v>458</v>
      </c>
      <c r="V181" s="86" t="s">
        <v>88</v>
      </c>
    </row>
    <row r="182" spans="1:22" customFormat="1">
      <c r="A182" s="40" t="s">
        <v>350</v>
      </c>
      <c r="B182" s="78">
        <v>6503</v>
      </c>
      <c r="C182" s="93">
        <v>0.3578131136007402</v>
      </c>
      <c r="D182" s="89">
        <v>1.1885622044660829E-2</v>
      </c>
      <c r="E182" s="93">
        <v>0.36015068119094584</v>
      </c>
      <c r="F182" s="89">
        <v>1.1902637808332206E-2</v>
      </c>
      <c r="G182" s="93">
        <v>0.28203620520831146</v>
      </c>
      <c r="H182" s="89">
        <v>1.1158502205965213E-2</v>
      </c>
      <c r="I182" s="78">
        <v>6432</v>
      </c>
      <c r="J182" s="93">
        <v>0.7641493206723452</v>
      </c>
      <c r="K182" s="89">
        <v>1.0586053895400674E-2</v>
      </c>
      <c r="L182" s="93">
        <v>0.16459306922831163</v>
      </c>
      <c r="M182" s="89">
        <v>9.2490566270787677E-3</v>
      </c>
      <c r="N182" s="93">
        <v>7.1257610099335469E-2</v>
      </c>
      <c r="O182" s="89">
        <v>6.4244126283592648E-3</v>
      </c>
      <c r="P182" s="78">
        <v>6443</v>
      </c>
      <c r="Q182" s="93">
        <v>0.86899939414504301</v>
      </c>
      <c r="R182" s="89">
        <v>8.4104551550967434E-3</v>
      </c>
      <c r="S182" s="93">
        <v>8.4255579390456817E-2</v>
      </c>
      <c r="T182" s="89">
        <v>6.9285161849068598E-3</v>
      </c>
      <c r="U182" s="93">
        <v>4.6745026464494438E-2</v>
      </c>
      <c r="V182" s="89">
        <v>5.2730487261278686E-3</v>
      </c>
    </row>
    <row r="183" spans="1:22" customFormat="1">
      <c r="A183" s="44" t="s">
        <v>351</v>
      </c>
      <c r="B183" s="152">
        <v>5959</v>
      </c>
      <c r="C183" s="156">
        <v>0.36301915716143268</v>
      </c>
      <c r="D183" s="92">
        <v>1.245515622281324E-2</v>
      </c>
      <c r="E183" s="156">
        <v>0.35211328834267452</v>
      </c>
      <c r="F183" s="92">
        <v>1.2371326041896037E-2</v>
      </c>
      <c r="G183" s="156">
        <v>0.2848675544958999</v>
      </c>
      <c r="H183" s="92">
        <v>1.1691721960768727E-2</v>
      </c>
      <c r="I183" s="152">
        <v>5891</v>
      </c>
      <c r="J183" s="156">
        <v>0.75784562269809086</v>
      </c>
      <c r="K183" s="92">
        <v>1.1161725130409915E-2</v>
      </c>
      <c r="L183" s="156">
        <v>0.16861212839374917</v>
      </c>
      <c r="M183" s="92">
        <v>9.7580939178185232E-3</v>
      </c>
      <c r="N183" s="156">
        <v>7.3542248908162397E-2</v>
      </c>
      <c r="O183" s="92">
        <v>6.8116803447185598E-3</v>
      </c>
      <c r="P183" s="152">
        <v>5900</v>
      </c>
      <c r="Q183" s="156">
        <v>0.86603586133162525</v>
      </c>
      <c r="R183" s="92">
        <v>8.87275428612261E-3</v>
      </c>
      <c r="S183" s="156">
        <v>8.4560147297164101E-2</v>
      </c>
      <c r="T183" s="92">
        <v>7.252861864868951E-3</v>
      </c>
      <c r="U183" s="156">
        <v>4.9403991371211937E-2</v>
      </c>
      <c r="V183" s="92">
        <v>5.6572291914456481E-3</v>
      </c>
    </row>
    <row r="184" spans="1:22" customFormat="1">
      <c r="A184" s="40" t="s">
        <v>352</v>
      </c>
      <c r="B184" s="78">
        <v>544</v>
      </c>
      <c r="C184" s="93">
        <v>0.34092582225704426</v>
      </c>
      <c r="D184" s="89">
        <v>4.0531457360053626E-2</v>
      </c>
      <c r="E184" s="93">
        <v>0.38622226378342661</v>
      </c>
      <c r="F184" s="89">
        <v>4.1613701471487928E-2</v>
      </c>
      <c r="G184" s="93">
        <v>0.27285191395952757</v>
      </c>
      <c r="H184" s="89">
        <v>3.8127162182492569E-2</v>
      </c>
      <c r="I184" s="78">
        <v>541</v>
      </c>
      <c r="J184" s="93">
        <v>0.78443943074302636</v>
      </c>
      <c r="K184" s="89">
        <v>3.5351701874865166E-2</v>
      </c>
      <c r="L184" s="93">
        <v>0.15165667012096176</v>
      </c>
      <c r="M184" s="89">
        <v>3.0940199300461931E-2</v>
      </c>
      <c r="N184" s="93">
        <v>6.3903899136010911E-2</v>
      </c>
      <c r="O184" s="89">
        <v>2.1435044019019314E-2</v>
      </c>
      <c r="P184" s="78">
        <v>543</v>
      </c>
      <c r="Q184" s="93">
        <v>0.87850619510786099</v>
      </c>
      <c r="R184" s="89">
        <v>2.8209287162697199E-2</v>
      </c>
      <c r="S184" s="93">
        <v>8.3278547364490668E-2</v>
      </c>
      <c r="T184" s="89">
        <v>2.4016099820241124E-2</v>
      </c>
      <c r="U184" s="93">
        <v>3.8215257527648129E-2</v>
      </c>
      <c r="V184" s="89">
        <v>1.7073281670986422E-2</v>
      </c>
    </row>
    <row r="185" spans="1:22" customFormat="1">
      <c r="A185" s="44" t="s">
        <v>534</v>
      </c>
      <c r="B185" s="152">
        <v>1743</v>
      </c>
      <c r="C185" s="156">
        <v>0.34784297652987489</v>
      </c>
      <c r="D185" s="92">
        <v>2.2795682275205394E-2</v>
      </c>
      <c r="E185" s="156">
        <v>0.35159258240646757</v>
      </c>
      <c r="F185" s="92">
        <v>2.2851952802970733E-2</v>
      </c>
      <c r="G185" s="156">
        <v>0.30056444106365438</v>
      </c>
      <c r="H185" s="92">
        <v>2.1948964482619258E-2</v>
      </c>
      <c r="I185" s="152">
        <v>1729</v>
      </c>
      <c r="J185" s="156">
        <v>0.81273219383010176</v>
      </c>
      <c r="K185" s="92">
        <v>1.8770612869388824E-2</v>
      </c>
      <c r="L185" s="156">
        <v>0.13250287981461351</v>
      </c>
      <c r="M185" s="92">
        <v>1.6332423355645057E-2</v>
      </c>
      <c r="N185" s="156">
        <v>5.4764926355281685E-2</v>
      </c>
      <c r="O185" s="92">
        <v>1.1026880704574839E-2</v>
      </c>
      <c r="P185" s="152">
        <v>1731</v>
      </c>
      <c r="Q185" s="156">
        <v>0.89927863183977574</v>
      </c>
      <c r="R185" s="92">
        <v>1.4509130218377575E-2</v>
      </c>
      <c r="S185" s="156">
        <v>6.254021212854427E-2</v>
      </c>
      <c r="T185" s="92">
        <v>1.1713222600641169E-2</v>
      </c>
      <c r="U185" s="156">
        <v>3.8181156031679389E-2</v>
      </c>
      <c r="V185" s="92">
        <v>9.3235940558488526E-3</v>
      </c>
    </row>
    <row r="186" spans="1:22" customFormat="1">
      <c r="A186" s="40" t="s">
        <v>535</v>
      </c>
      <c r="B186" s="78">
        <v>1618</v>
      </c>
      <c r="C186" s="93">
        <v>0.35063337729377808</v>
      </c>
      <c r="D186" s="89">
        <v>2.3701780317993207E-2</v>
      </c>
      <c r="E186" s="93">
        <v>0.34956796485362401</v>
      </c>
      <c r="F186" s="89">
        <v>2.3685239669757555E-2</v>
      </c>
      <c r="G186" s="93">
        <v>0.2997986578525999</v>
      </c>
      <c r="H186" s="89">
        <v>2.2763289695389967E-2</v>
      </c>
      <c r="I186" s="78">
        <v>1606</v>
      </c>
      <c r="J186" s="93">
        <v>0.79954813411228143</v>
      </c>
      <c r="K186" s="89">
        <v>1.9982366157475364E-2</v>
      </c>
      <c r="L186" s="93">
        <v>0.14599457702085231</v>
      </c>
      <c r="M186" s="89">
        <v>1.7643966415729465E-2</v>
      </c>
      <c r="N186" s="93">
        <v>5.4457288866866543E-2</v>
      </c>
      <c r="O186" s="89">
        <v>1.1418285860458715E-2</v>
      </c>
      <c r="P186" s="78">
        <v>1607</v>
      </c>
      <c r="Q186" s="93">
        <v>0.89779707662242347</v>
      </c>
      <c r="R186" s="89">
        <v>1.5158367009066401E-2</v>
      </c>
      <c r="S186" s="93">
        <v>5.808836950762155E-2</v>
      </c>
      <c r="T186" s="89">
        <v>1.1758238047640481E-2</v>
      </c>
      <c r="U186" s="93">
        <v>4.4114553869955594E-2</v>
      </c>
      <c r="V186" s="89">
        <v>1.0356673467495948E-2</v>
      </c>
    </row>
    <row r="187" spans="1:22" customFormat="1">
      <c r="A187" s="44" t="s">
        <v>536</v>
      </c>
      <c r="B187" s="152">
        <v>234</v>
      </c>
      <c r="C187" s="156">
        <v>0.40492123342321451</v>
      </c>
      <c r="D187" s="92">
        <v>6.3677409059861703E-2</v>
      </c>
      <c r="E187" s="156">
        <v>0.37772161347102035</v>
      </c>
      <c r="F187" s="92">
        <v>6.29186965198682E-2</v>
      </c>
      <c r="G187" s="156">
        <v>0.2173571531057667</v>
      </c>
      <c r="H187" s="92">
        <v>5.3886861302507909E-2</v>
      </c>
      <c r="I187" s="152">
        <v>231</v>
      </c>
      <c r="J187" s="156">
        <v>0.7556827062215824</v>
      </c>
      <c r="K187" s="92">
        <v>5.639268086875001E-2</v>
      </c>
      <c r="L187" s="156">
        <v>0.15492559430975258</v>
      </c>
      <c r="M187" s="92">
        <v>4.79259744976804E-2</v>
      </c>
      <c r="N187" s="156">
        <v>8.9391699468665375E-2</v>
      </c>
      <c r="O187" s="92">
        <v>3.8502063556511985E-2</v>
      </c>
      <c r="P187" s="152">
        <v>231</v>
      </c>
      <c r="Q187" s="156">
        <v>0.87811477997184151</v>
      </c>
      <c r="R187" s="92">
        <v>4.3633850169218315E-2</v>
      </c>
      <c r="S187" s="156">
        <v>7.6385994372874327E-2</v>
      </c>
      <c r="T187" s="92">
        <v>3.6110487620650854E-2</v>
      </c>
      <c r="U187" s="156">
        <v>4.5499225655283936E-2</v>
      </c>
      <c r="V187" s="92">
        <v>2.9289864711872112E-2</v>
      </c>
    </row>
    <row r="188" spans="1:22" customFormat="1">
      <c r="A188" s="40" t="s">
        <v>537</v>
      </c>
      <c r="B188" s="78">
        <v>55</v>
      </c>
      <c r="C188" s="93">
        <v>0.28570313305923467</v>
      </c>
      <c r="D188" s="89">
        <v>0.11934642354240652</v>
      </c>
      <c r="E188" s="93">
        <v>0.33267354982619102</v>
      </c>
      <c r="F188" s="89">
        <v>0.12369166889154015</v>
      </c>
      <c r="G188" s="93">
        <v>0.38162331711457398</v>
      </c>
      <c r="H188" s="89">
        <v>0.12697861151360224</v>
      </c>
      <c r="I188" s="78">
        <v>53</v>
      </c>
      <c r="J188" s="93">
        <v>0.81862275678436802</v>
      </c>
      <c r="K188" s="89">
        <v>0.10669782804610251</v>
      </c>
      <c r="L188" s="93">
        <v>0.11721820119910356</v>
      </c>
      <c r="M188" s="89">
        <v>9.302744806810076E-2</v>
      </c>
      <c r="N188" s="93">
        <v>6.4159042016528292E-2</v>
      </c>
      <c r="O188" s="89">
        <v>7.7580914771706533E-2</v>
      </c>
      <c r="P188" s="78">
        <v>54</v>
      </c>
      <c r="Q188" s="93">
        <v>0.87813742421424446</v>
      </c>
      <c r="R188" s="89">
        <v>9.3238468374922986E-2</v>
      </c>
      <c r="S188" s="93">
        <v>7.0481043962012421E-2</v>
      </c>
      <c r="T188" s="89">
        <v>7.881992664500008E-2</v>
      </c>
      <c r="U188" s="93">
        <v>5.138153182374286E-2</v>
      </c>
      <c r="V188" s="89">
        <v>7.217986769818284E-2</v>
      </c>
    </row>
    <row r="189" spans="1:22" customFormat="1">
      <c r="A189" s="44" t="s">
        <v>538</v>
      </c>
      <c r="B189" s="152">
        <v>41</v>
      </c>
      <c r="C189" s="156">
        <v>0.34903522799719228</v>
      </c>
      <c r="D189" s="92">
        <v>0.14331974682731091</v>
      </c>
      <c r="E189" s="156">
        <v>0.45431672471648438</v>
      </c>
      <c r="F189" s="92">
        <v>0.14855378799574168</v>
      </c>
      <c r="G189" s="156">
        <v>0.19664804728632315</v>
      </c>
      <c r="H189" s="92">
        <v>0.12422561597365017</v>
      </c>
      <c r="I189" s="152">
        <v>40</v>
      </c>
      <c r="J189" s="156">
        <v>0.57616244847969744</v>
      </c>
      <c r="K189" s="92">
        <v>0.14930323558581038</v>
      </c>
      <c r="L189" s="156">
        <v>0.32421660027258598</v>
      </c>
      <c r="M189" s="92">
        <v>0.14284860778750125</v>
      </c>
      <c r="N189" s="156">
        <v>9.9620951247716361E-2</v>
      </c>
      <c r="O189" s="92">
        <v>0.10336073878935671</v>
      </c>
      <c r="P189" s="152">
        <v>40</v>
      </c>
      <c r="Q189" s="156">
        <v>0.97693259506479013</v>
      </c>
      <c r="R189" s="92">
        <v>7.508337452682487E-2</v>
      </c>
      <c r="S189" s="156">
        <v>0</v>
      </c>
      <c r="T189" s="92">
        <v>6.2804479973432498E-2</v>
      </c>
      <c r="U189" s="156">
        <v>2.3067404935209854E-2</v>
      </c>
      <c r="V189" s="92">
        <v>7.5083374526824884E-2</v>
      </c>
    </row>
    <row r="190" spans="1:22" customFormat="1">
      <c r="A190" s="40" t="s">
        <v>539</v>
      </c>
      <c r="B190" s="78">
        <v>43</v>
      </c>
      <c r="C190" s="93">
        <v>0.53949110974184034</v>
      </c>
      <c r="D190" s="89">
        <v>0.14548367203333973</v>
      </c>
      <c r="E190" s="93">
        <v>0.35713537568400966</v>
      </c>
      <c r="F190" s="89">
        <v>0.1407928791443728</v>
      </c>
      <c r="G190" s="93">
        <v>0.10337351457414976</v>
      </c>
      <c r="H190" s="89">
        <v>0.10035028371196597</v>
      </c>
      <c r="I190" s="78">
        <v>43</v>
      </c>
      <c r="J190" s="93">
        <v>0.74241825488515478</v>
      </c>
      <c r="K190" s="89">
        <v>0.13072972435733432</v>
      </c>
      <c r="L190" s="93">
        <v>0.17545138199810395</v>
      </c>
      <c r="M190" s="89">
        <v>0.11735890907197857</v>
      </c>
      <c r="N190" s="93">
        <v>8.213036311674117E-2</v>
      </c>
      <c r="O190" s="89">
        <v>9.4008564962709776E-2</v>
      </c>
      <c r="P190" s="78">
        <v>42</v>
      </c>
      <c r="Q190" s="93">
        <v>0.80512907362023223</v>
      </c>
      <c r="R190" s="89">
        <v>0.12243337393283968</v>
      </c>
      <c r="S190" s="93">
        <v>0.16795621084044302</v>
      </c>
      <c r="T190" s="89">
        <v>0.11724656247772341</v>
      </c>
      <c r="U190" s="93">
        <v>2.6914715539324424E-2</v>
      </c>
      <c r="V190" s="89">
        <v>7.4262410512252491E-2</v>
      </c>
    </row>
    <row r="191" spans="1:22" customFormat="1">
      <c r="A191" s="44" t="s">
        <v>540</v>
      </c>
      <c r="B191" s="152">
        <v>48</v>
      </c>
      <c r="C191" s="156">
        <v>0.4053224977022265</v>
      </c>
      <c r="D191" s="92">
        <v>0.13654026761110083</v>
      </c>
      <c r="E191" s="156">
        <v>0.36264748260872026</v>
      </c>
      <c r="F191" s="92">
        <v>0.13414259693611388</v>
      </c>
      <c r="G191" s="156">
        <v>0.23203001968905293</v>
      </c>
      <c r="H191" s="92">
        <v>0.12051637667110091</v>
      </c>
      <c r="I191" s="152">
        <v>48</v>
      </c>
      <c r="J191" s="156">
        <v>0.77941711938096603</v>
      </c>
      <c r="K191" s="92">
        <v>0.11880024307905249</v>
      </c>
      <c r="L191" s="156">
        <v>8.1304067219117371E-2</v>
      </c>
      <c r="M191" s="92">
        <v>8.7980154291964222E-2</v>
      </c>
      <c r="N191" s="156">
        <v>0.13927881339991641</v>
      </c>
      <c r="O191" s="92">
        <v>0.10345147985122259</v>
      </c>
      <c r="P191" s="152">
        <v>48</v>
      </c>
      <c r="Q191" s="156">
        <v>0.83227704336835828</v>
      </c>
      <c r="R191" s="92">
        <v>0.10951800547154215</v>
      </c>
      <c r="S191" s="156">
        <v>5.7759564296205872E-2</v>
      </c>
      <c r="T191" s="92">
        <v>8.0074411149509334E-2</v>
      </c>
      <c r="U191" s="156">
        <v>0.10996339233543562</v>
      </c>
      <c r="V191" s="92">
        <v>9.6227162661732299E-2</v>
      </c>
    </row>
    <row r="192" spans="1:22" customFormat="1">
      <c r="A192" s="40" t="s">
        <v>541</v>
      </c>
      <c r="B192" s="78">
        <v>47</v>
      </c>
      <c r="C192" s="93">
        <v>0.43734590672892021</v>
      </c>
      <c r="D192" s="89">
        <v>0.1390911922621231</v>
      </c>
      <c r="E192" s="93">
        <v>0.39305197351918914</v>
      </c>
      <c r="F192" s="89">
        <v>0.13728057345105546</v>
      </c>
      <c r="G192" s="93">
        <v>0.16960211975189041</v>
      </c>
      <c r="H192" s="89">
        <v>0.11106941770618117</v>
      </c>
      <c r="I192" s="78">
        <v>47</v>
      </c>
      <c r="J192" s="93">
        <v>0.83010344310147444</v>
      </c>
      <c r="K192" s="89">
        <v>0.11112771830486513</v>
      </c>
      <c r="L192" s="93">
        <v>0.1018310255501686</v>
      </c>
      <c r="M192" s="89">
        <v>9.5118093992471023E-2</v>
      </c>
      <c r="N192" s="93">
        <v>6.8065531348357008E-2</v>
      </c>
      <c r="O192" s="89">
        <v>8.4737389670542854E-2</v>
      </c>
      <c r="P192" s="78">
        <v>47</v>
      </c>
      <c r="Q192" s="93">
        <v>0.90840179394955234</v>
      </c>
      <c r="R192" s="89">
        <v>9.2182858262261164E-2</v>
      </c>
      <c r="S192" s="93">
        <v>7.3473439091066323E-2</v>
      </c>
      <c r="T192" s="89">
        <v>8.6542849282147588E-2</v>
      </c>
      <c r="U192" s="93">
        <v>1.8124766959381332E-2</v>
      </c>
      <c r="V192" s="89">
        <v>6.4347085303138929E-2</v>
      </c>
    </row>
    <row r="193" spans="1:22" customFormat="1">
      <c r="A193" s="44" t="s">
        <v>542</v>
      </c>
      <c r="B193" s="152">
        <v>394</v>
      </c>
      <c r="C193" s="156">
        <v>0.35096949756625201</v>
      </c>
      <c r="D193" s="92">
        <v>4.7893737060846507E-2</v>
      </c>
      <c r="E193" s="156">
        <v>0.33593242361289571</v>
      </c>
      <c r="F193" s="92">
        <v>4.7407161871870523E-2</v>
      </c>
      <c r="G193" s="156">
        <v>0.31309807882085194</v>
      </c>
      <c r="H193" s="92">
        <v>4.6567215242909674E-2</v>
      </c>
      <c r="I193" s="152">
        <v>391</v>
      </c>
      <c r="J193" s="156">
        <v>0.82122374450005553</v>
      </c>
      <c r="K193" s="92">
        <v>3.8830308038368178E-2</v>
      </c>
      <c r="L193" s="156">
        <v>0.13036289331550591</v>
      </c>
      <c r="M193" s="92">
        <v>3.4291619111130371E-2</v>
      </c>
      <c r="N193" s="156">
        <v>4.8413362184437127E-2</v>
      </c>
      <c r="O193" s="92">
        <v>2.2541962838746397E-2</v>
      </c>
      <c r="P193" s="152">
        <v>391</v>
      </c>
      <c r="Q193" s="156">
        <v>0.90077698399248574</v>
      </c>
      <c r="R193" s="92">
        <v>3.0624627358631817E-2</v>
      </c>
      <c r="S193" s="156">
        <v>4.7290124969500261E-2</v>
      </c>
      <c r="T193" s="92">
        <v>2.2317288985680667E-2</v>
      </c>
      <c r="U193" s="156">
        <v>5.1932891038012297E-2</v>
      </c>
      <c r="V193" s="92">
        <v>2.3228395328826947E-2</v>
      </c>
    </row>
    <row r="194" spans="1:22" customFormat="1">
      <c r="A194" s="40" t="s">
        <v>543</v>
      </c>
      <c r="B194" s="78">
        <v>39</v>
      </c>
      <c r="C194" s="93">
        <v>0.39851799119193698</v>
      </c>
      <c r="D194" s="89">
        <v>0.14989245850789343</v>
      </c>
      <c r="E194" s="93">
        <v>0.3717967992023416</v>
      </c>
      <c r="F194" s="89">
        <v>0.14831756767437002</v>
      </c>
      <c r="G194" s="93">
        <v>0.22968520960572181</v>
      </c>
      <c r="H194" s="89">
        <v>0.13290739892194536</v>
      </c>
      <c r="I194" s="78">
        <v>39</v>
      </c>
      <c r="J194" s="93">
        <v>0.78082878760507191</v>
      </c>
      <c r="K194" s="89">
        <v>0.13122863823802089</v>
      </c>
      <c r="L194" s="93">
        <v>0.13091430119654857</v>
      </c>
      <c r="M194" s="89">
        <v>0.11327718673932113</v>
      </c>
      <c r="N194" s="93">
        <v>8.8256911198379681E-2</v>
      </c>
      <c r="O194" s="89">
        <v>0.10140479149879428</v>
      </c>
      <c r="P194" s="78">
        <v>39</v>
      </c>
      <c r="Q194" s="93">
        <v>0.85187208343576148</v>
      </c>
      <c r="R194" s="89">
        <v>0.11739410476986566</v>
      </c>
      <c r="S194" s="93">
        <v>9.4462280584786201E-2</v>
      </c>
      <c r="T194" s="89">
        <v>0.10330059580705953</v>
      </c>
      <c r="U194" s="93">
        <v>5.3665635979452467E-2</v>
      </c>
      <c r="V194" s="89">
        <v>8.9507648737745416E-2</v>
      </c>
    </row>
    <row r="195" spans="1:22" customFormat="1">
      <c r="A195" s="44" t="s">
        <v>550</v>
      </c>
      <c r="B195" s="152">
        <v>82</v>
      </c>
      <c r="C195" s="156">
        <v>0.34837442366327592</v>
      </c>
      <c r="D195" s="92">
        <v>0.1032266828036783</v>
      </c>
      <c r="E195" s="156">
        <v>0.37473140764485124</v>
      </c>
      <c r="F195" s="92">
        <v>0.10471080300353146</v>
      </c>
      <c r="G195" s="156">
        <v>0.27689416869187211</v>
      </c>
      <c r="H195" s="92">
        <v>9.7586324548598474E-2</v>
      </c>
      <c r="I195" s="152">
        <v>82</v>
      </c>
      <c r="J195" s="156">
        <v>0.80679332765016309</v>
      </c>
      <c r="K195" s="92">
        <v>8.7452255454674097E-2</v>
      </c>
      <c r="L195" s="156">
        <v>0.111565022217726</v>
      </c>
      <c r="M195" s="92">
        <v>7.2441595008105819E-2</v>
      </c>
      <c r="N195" s="156">
        <v>8.1641650132110943E-2</v>
      </c>
      <c r="O195" s="92">
        <v>6.5014821936071471E-2</v>
      </c>
      <c r="P195" s="152">
        <v>82</v>
      </c>
      <c r="Q195" s="156">
        <v>0.87338105153319523</v>
      </c>
      <c r="R195" s="92">
        <v>7.571478986740765E-2</v>
      </c>
      <c r="S195" s="156">
        <v>7.4240473689904468E-2</v>
      </c>
      <c r="T195" s="92">
        <v>6.295037208185908E-2</v>
      </c>
      <c r="U195" s="156">
        <v>5.2378474776900268E-2</v>
      </c>
      <c r="V195" s="92">
        <v>5.6172542161702088E-2</v>
      </c>
    </row>
    <row r="196" spans="1:22" customFormat="1">
      <c r="A196" s="52" t="s">
        <v>544</v>
      </c>
      <c r="B196" s="78">
        <v>75</v>
      </c>
      <c r="C196" s="93">
        <v>0.40515282274487491</v>
      </c>
      <c r="D196" s="89">
        <v>0.11066929549320018</v>
      </c>
      <c r="E196" s="93">
        <v>0.3281676574064234</v>
      </c>
      <c r="F196" s="89">
        <v>0.10635216401063495</v>
      </c>
      <c r="G196" s="93">
        <v>0.26667951984870192</v>
      </c>
      <c r="H196" s="89">
        <v>0.10086580738644207</v>
      </c>
      <c r="I196" s="78">
        <v>75</v>
      </c>
      <c r="J196" s="93">
        <v>0.82600020699209753</v>
      </c>
      <c r="K196" s="89">
        <v>8.836447709526174E-2</v>
      </c>
      <c r="L196" s="93">
        <v>0.14831096777449471</v>
      </c>
      <c r="M196" s="89">
        <v>8.3748512929829058E-2</v>
      </c>
      <c r="N196" s="93">
        <v>2.568882523340783E-2</v>
      </c>
      <c r="O196" s="89">
        <v>4.8903954205054521E-2</v>
      </c>
      <c r="P196" s="78">
        <v>75</v>
      </c>
      <c r="Q196" s="93">
        <v>0.88659998145329721</v>
      </c>
      <c r="R196" s="89">
        <v>7.6404132039326847E-2</v>
      </c>
      <c r="S196" s="93">
        <v>5.7128360140246068E-2</v>
      </c>
      <c r="T196" s="89">
        <v>6.0889475155768737E-2</v>
      </c>
      <c r="U196" s="93">
        <v>5.6271658406456863E-2</v>
      </c>
      <c r="V196" s="89">
        <v>6.0604173012081659E-2</v>
      </c>
    </row>
    <row r="197" spans="1:22" customFormat="1">
      <c r="A197" s="44" t="s">
        <v>545</v>
      </c>
      <c r="B197" s="152">
        <v>99</v>
      </c>
      <c r="C197" s="156">
        <v>0.30956506274477791</v>
      </c>
      <c r="D197" s="92">
        <v>9.1693151422238078E-2</v>
      </c>
      <c r="E197" s="156">
        <v>0.30584678438698454</v>
      </c>
      <c r="F197" s="92">
        <v>9.1412960754973183E-2</v>
      </c>
      <c r="G197" s="156">
        <v>0.38458815286823705</v>
      </c>
      <c r="H197" s="92">
        <v>9.6077349907709955E-2</v>
      </c>
      <c r="I197" s="152">
        <v>96</v>
      </c>
      <c r="J197" s="156">
        <v>0.83075612175029923</v>
      </c>
      <c r="K197" s="92">
        <v>7.7246959166404644E-2</v>
      </c>
      <c r="L197" s="156">
        <v>0.10110013105444343</v>
      </c>
      <c r="M197" s="92">
        <v>6.4297430499853953E-2</v>
      </c>
      <c r="N197" s="156">
        <v>6.8143747195257162E-2</v>
      </c>
      <c r="O197" s="92">
        <v>5.5900541336710456E-2</v>
      </c>
      <c r="P197" s="152">
        <v>95</v>
      </c>
      <c r="Q197" s="156">
        <v>0.91440376190027894</v>
      </c>
      <c r="R197" s="92">
        <v>6.0924322910781495E-2</v>
      </c>
      <c r="S197" s="156">
        <v>9.7664861510977814E-3</v>
      </c>
      <c r="T197" s="92">
        <v>3.4052416660531722E-2</v>
      </c>
      <c r="U197" s="156">
        <v>7.5829751948623014E-2</v>
      </c>
      <c r="V197" s="92">
        <v>5.8370085467154623E-2</v>
      </c>
    </row>
    <row r="198" spans="1:22" customFormat="1">
      <c r="A198" s="52" t="s">
        <v>546</v>
      </c>
      <c r="B198" s="78">
        <v>52</v>
      </c>
      <c r="C198" s="93">
        <v>0.21091205784291975</v>
      </c>
      <c r="D198" s="89">
        <v>0.11273882865538148</v>
      </c>
      <c r="E198" s="93">
        <v>0.35241847575223767</v>
      </c>
      <c r="F198" s="89">
        <v>0.12851349068078596</v>
      </c>
      <c r="G198" s="93">
        <v>0.43666946640484261</v>
      </c>
      <c r="H198" s="89">
        <v>0.13270314499542263</v>
      </c>
      <c r="I198" s="78">
        <v>51</v>
      </c>
      <c r="J198" s="93">
        <v>0.80725439499098695</v>
      </c>
      <c r="K198" s="89">
        <v>0.11080763931270304</v>
      </c>
      <c r="L198" s="93">
        <v>0.19274560500901308</v>
      </c>
      <c r="M198" s="89">
        <v>0.11080763931270304</v>
      </c>
      <c r="N198" s="93">
        <v>0</v>
      </c>
      <c r="O198" s="89">
        <v>5.0482272182006148E-2</v>
      </c>
      <c r="P198" s="78">
        <v>52</v>
      </c>
      <c r="Q198" s="93">
        <v>0.99901852559288129</v>
      </c>
      <c r="R198" s="89">
        <v>5.0202601111181279E-2</v>
      </c>
      <c r="S198" s="93">
        <v>9.8147440711871979E-4</v>
      </c>
      <c r="T198" s="89">
        <v>5.0202601111181244E-2</v>
      </c>
      <c r="U198" s="93">
        <v>0</v>
      </c>
      <c r="V198" s="89">
        <v>4.9597505344958111E-2</v>
      </c>
    </row>
    <row r="199" spans="1:22" customFormat="1">
      <c r="A199" s="44" t="s">
        <v>547</v>
      </c>
      <c r="B199" s="152">
        <v>47</v>
      </c>
      <c r="C199" s="156">
        <v>0.45456799327965441</v>
      </c>
      <c r="D199" s="92">
        <v>0.13953620963725408</v>
      </c>
      <c r="E199" s="156">
        <v>0.29607970828153851</v>
      </c>
      <c r="F199" s="92">
        <v>0.12976105168245</v>
      </c>
      <c r="G199" s="156">
        <v>0.24935229843880741</v>
      </c>
      <c r="H199" s="92">
        <v>0.1241896257057747</v>
      </c>
      <c r="I199" s="152">
        <v>48</v>
      </c>
      <c r="J199" s="156">
        <v>0.86916889819532184</v>
      </c>
      <c r="K199" s="92">
        <v>0.10147941340083093</v>
      </c>
      <c r="L199" s="156">
        <v>0.13083110180467852</v>
      </c>
      <c r="M199" s="92">
        <v>0.10147941340083101</v>
      </c>
      <c r="N199" s="156">
        <v>0</v>
      </c>
      <c r="O199" s="92">
        <v>5.3336557329348951E-2</v>
      </c>
      <c r="P199" s="152">
        <v>48</v>
      </c>
      <c r="Q199" s="156">
        <v>0.88852696814169474</v>
      </c>
      <c r="R199" s="92">
        <v>9.6626621109663052E-2</v>
      </c>
      <c r="S199" s="156">
        <v>6.8886225325045264E-2</v>
      </c>
      <c r="T199" s="92">
        <v>8.3957343117864999E-2</v>
      </c>
      <c r="U199" s="156">
        <v>4.2586806533260198E-2</v>
      </c>
      <c r="V199" s="92">
        <v>7.4278004236751308E-2</v>
      </c>
    </row>
    <row r="200" spans="1:22" customFormat="1">
      <c r="A200" s="52" t="s">
        <v>551</v>
      </c>
      <c r="B200" s="78">
        <v>168</v>
      </c>
      <c r="C200" s="93">
        <v>0.3454605949579701</v>
      </c>
      <c r="D200" s="89">
        <v>7.2691681888458065E-2</v>
      </c>
      <c r="E200" s="93">
        <v>0.34898144235373285</v>
      </c>
      <c r="F200" s="89">
        <v>7.2855676543578343E-2</v>
      </c>
      <c r="G200" s="93">
        <v>0.30555796268829827</v>
      </c>
      <c r="H200" s="89">
        <v>7.0534560953552122E-2</v>
      </c>
      <c r="I200" s="78">
        <v>164</v>
      </c>
      <c r="J200" s="93">
        <v>0.820490369844599</v>
      </c>
      <c r="K200" s="89">
        <v>6.0182033672760538E-2</v>
      </c>
      <c r="L200" s="93">
        <v>0.12239918116489922</v>
      </c>
      <c r="M200" s="89">
        <v>5.2127688846560549E-2</v>
      </c>
      <c r="N200" s="93">
        <v>5.7110448990502542E-2</v>
      </c>
      <c r="O200" s="89">
        <v>3.8753856941278461E-2</v>
      </c>
      <c r="P200" s="78">
        <v>166</v>
      </c>
      <c r="Q200" s="93">
        <v>0.90992931451621317</v>
      </c>
      <c r="R200" s="89">
        <v>4.5959773788835437E-2</v>
      </c>
      <c r="S200" s="93">
        <v>5.6198140772870546E-2</v>
      </c>
      <c r="T200" s="89">
        <v>3.8255972614062078E-2</v>
      </c>
      <c r="U200" s="93">
        <v>3.3872544710916816E-2</v>
      </c>
      <c r="V200" s="89">
        <v>3.1745162322443357E-2</v>
      </c>
    </row>
    <row r="201" spans="1:22" customFormat="1">
      <c r="A201" s="44" t="s">
        <v>552</v>
      </c>
      <c r="B201" s="152">
        <v>57</v>
      </c>
      <c r="C201" s="156">
        <v>0.23820171294412112</v>
      </c>
      <c r="D201" s="92">
        <v>0.11166565514125527</v>
      </c>
      <c r="E201" s="156">
        <v>0.39723358146846233</v>
      </c>
      <c r="F201" s="92">
        <v>0.12565335948472375</v>
      </c>
      <c r="G201" s="156">
        <v>0.36456470558741599</v>
      </c>
      <c r="H201" s="92">
        <v>0.12386772725744721</v>
      </c>
      <c r="I201" s="152">
        <v>55</v>
      </c>
      <c r="J201" s="156">
        <v>0.77634936261373455</v>
      </c>
      <c r="K201" s="92">
        <v>0.11157884604644755</v>
      </c>
      <c r="L201" s="156">
        <v>0.18341242379454686</v>
      </c>
      <c r="M201" s="92">
        <v>0.10509134612829581</v>
      </c>
      <c r="N201" s="156">
        <v>4.0238213591718086E-2</v>
      </c>
      <c r="O201" s="92">
        <v>6.7048846208658225E-2</v>
      </c>
      <c r="P201" s="152">
        <v>56</v>
      </c>
      <c r="Q201" s="156">
        <v>0.92056653572506653</v>
      </c>
      <c r="R201" s="92">
        <v>7.9967146308654494E-2</v>
      </c>
      <c r="S201" s="156">
        <v>3.9716732137466695E-2</v>
      </c>
      <c r="T201" s="92">
        <v>6.6053413654134849E-2</v>
      </c>
      <c r="U201" s="156">
        <v>3.9716732137466695E-2</v>
      </c>
      <c r="V201" s="92">
        <v>6.6053413654134849E-2</v>
      </c>
    </row>
    <row r="202" spans="1:22" customFormat="1">
      <c r="A202" s="52" t="s">
        <v>553</v>
      </c>
      <c r="B202" s="78">
        <v>55</v>
      </c>
      <c r="C202" s="93">
        <v>0.44187395797866785</v>
      </c>
      <c r="D202" s="89">
        <v>0.12942217188251262</v>
      </c>
      <c r="E202" s="93">
        <v>0.38080634358510912</v>
      </c>
      <c r="F202" s="89">
        <v>0.12693357694675264</v>
      </c>
      <c r="G202" s="93">
        <v>0.17731969843622267</v>
      </c>
      <c r="H202" s="89">
        <v>0.10399385625380934</v>
      </c>
      <c r="I202" s="78">
        <v>53</v>
      </c>
      <c r="J202" s="93">
        <v>0.84550591669753805</v>
      </c>
      <c r="K202" s="89">
        <v>0.10149482216920583</v>
      </c>
      <c r="L202" s="93">
        <v>7.9963272310932712E-2</v>
      </c>
      <c r="M202" s="89">
        <v>8.2701120008627338E-2</v>
      </c>
      <c r="N202" s="93">
        <v>7.4530810991529292E-2</v>
      </c>
      <c r="O202" s="89">
        <v>8.0998757275625208E-2</v>
      </c>
      <c r="P202" s="78">
        <v>54</v>
      </c>
      <c r="Q202" s="93">
        <v>0.88948469564243993</v>
      </c>
      <c r="R202" s="89">
        <v>9.0402954309400235E-2</v>
      </c>
      <c r="S202" s="93">
        <v>7.2300386785758272E-2</v>
      </c>
      <c r="T202" s="89">
        <v>7.9409154590756328E-2</v>
      </c>
      <c r="U202" s="93">
        <v>3.8214917571801718E-2</v>
      </c>
      <c r="V202" s="89">
        <v>6.7032394496145273E-2</v>
      </c>
    </row>
    <row r="203" spans="1:22" customFormat="1">
      <c r="A203" s="44" t="s">
        <v>554</v>
      </c>
      <c r="B203" s="152">
        <v>56</v>
      </c>
      <c r="C203" s="156">
        <v>0.35999330172241295</v>
      </c>
      <c r="D203" s="92">
        <v>0.12461262333027885</v>
      </c>
      <c r="E203" s="156">
        <v>0.26506862069929588</v>
      </c>
      <c r="F203" s="92">
        <v>0.11602326767397327</v>
      </c>
      <c r="G203" s="156">
        <v>0.37493807757829101</v>
      </c>
      <c r="H203" s="92">
        <v>0.12553230665750761</v>
      </c>
      <c r="I203" s="152">
        <v>56</v>
      </c>
      <c r="J203" s="156">
        <v>0.84121943376331687</v>
      </c>
      <c r="K203" s="92">
        <v>9.9524175231517839E-2</v>
      </c>
      <c r="L203" s="156">
        <v>0.10156281957719263</v>
      </c>
      <c r="M203" s="92">
        <v>8.6297626933284632E-2</v>
      </c>
      <c r="N203" s="156">
        <v>5.7217746659490344E-2</v>
      </c>
      <c r="O203" s="92">
        <v>7.2669724137173125E-2</v>
      </c>
      <c r="P203" s="152">
        <v>56</v>
      </c>
      <c r="Q203" s="156">
        <v>0.91940541455365421</v>
      </c>
      <c r="R203" s="92">
        <v>8.0320512126969903E-2</v>
      </c>
      <c r="S203" s="156">
        <v>5.7217746659490344E-2</v>
      </c>
      <c r="T203" s="92">
        <v>7.2669724137173125E-2</v>
      </c>
      <c r="U203" s="156">
        <v>2.3376838786855366E-2</v>
      </c>
      <c r="V203" s="92">
        <v>5.8940650602190336E-2</v>
      </c>
    </row>
    <row r="204" spans="1:22" s="5" customFormat="1"/>
  </sheetData>
  <mergeCells count="32">
    <mergeCell ref="A148:K148"/>
    <mergeCell ref="A149:K149"/>
    <mergeCell ref="A177:V177"/>
    <mergeCell ref="A178:V178"/>
    <mergeCell ref="B179:H179"/>
    <mergeCell ref="I179:O179"/>
    <mergeCell ref="P179:V179"/>
    <mergeCell ref="A150:D150"/>
    <mergeCell ref="E150:K150"/>
    <mergeCell ref="AR63:AX63"/>
    <mergeCell ref="A4:H4"/>
    <mergeCell ref="A3:H3"/>
    <mergeCell ref="A33:H33"/>
    <mergeCell ref="A32:H32"/>
    <mergeCell ref="A61:AX61"/>
    <mergeCell ref="A62:AX62"/>
    <mergeCell ref="W63:AC63"/>
    <mergeCell ref="AD63:AJ63"/>
    <mergeCell ref="AK63:AQ63"/>
    <mergeCell ref="P121:V121"/>
    <mergeCell ref="A5:H5"/>
    <mergeCell ref="A34:H34"/>
    <mergeCell ref="B63:H63"/>
    <mergeCell ref="I63:O63"/>
    <mergeCell ref="P63:V63"/>
    <mergeCell ref="A91:H91"/>
    <mergeCell ref="A90:H90"/>
    <mergeCell ref="A120:V120"/>
    <mergeCell ref="A119:V119"/>
    <mergeCell ref="I121:O121"/>
    <mergeCell ref="A92:H92"/>
    <mergeCell ref="B121:H121"/>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BD145"/>
  <sheetViews>
    <sheetView zoomScaleNormal="100" workbookViewId="0"/>
  </sheetViews>
  <sheetFormatPr defaultColWidth="18" defaultRowHeight="15"/>
  <cols>
    <col min="1" max="1" width="43.42578125" style="5" customWidth="1"/>
    <col min="2" max="4" width="19.42578125" style="5" customWidth="1"/>
    <col min="5" max="8" width="18" style="5"/>
    <col min="9" max="9" width="19.85546875" style="5" customWidth="1"/>
    <col min="10" max="16384" width="18" style="5"/>
  </cols>
  <sheetData>
    <row r="1" spans="1:37" ht="29.25" customHeight="1">
      <c r="A1" s="31" t="s">
        <v>60</v>
      </c>
      <c r="P1" s="225"/>
      <c r="Q1" s="225"/>
      <c r="R1" s="225"/>
      <c r="S1" s="225"/>
      <c r="T1" s="225"/>
      <c r="U1" s="225"/>
      <c r="V1" s="225"/>
      <c r="W1" s="225"/>
      <c r="X1" s="225"/>
      <c r="Y1" s="225"/>
      <c r="Z1" s="225"/>
      <c r="AA1" s="225"/>
      <c r="AB1" s="225"/>
      <c r="AC1" s="225"/>
      <c r="AD1" s="225"/>
      <c r="AE1" s="225"/>
      <c r="AF1" s="225"/>
      <c r="AG1" s="225"/>
      <c r="AH1" s="225"/>
      <c r="AI1" s="225"/>
      <c r="AJ1" s="225"/>
      <c r="AK1" s="225"/>
    </row>
    <row r="2" spans="1:37" ht="15.75" customHeight="1">
      <c r="A2" s="31"/>
      <c r="P2" s="225"/>
      <c r="Q2" s="225"/>
      <c r="R2" s="225"/>
      <c r="S2" s="225"/>
      <c r="T2" s="225"/>
      <c r="U2" s="225"/>
      <c r="V2" s="225"/>
      <c r="W2" s="225"/>
      <c r="X2" s="225"/>
      <c r="Y2" s="225"/>
      <c r="Z2" s="225"/>
      <c r="AA2" s="225"/>
      <c r="AB2" s="225"/>
      <c r="AC2" s="225"/>
      <c r="AD2" s="225"/>
      <c r="AE2" s="225"/>
      <c r="AF2" s="225"/>
      <c r="AG2" s="225"/>
      <c r="AH2" s="225"/>
      <c r="AI2" s="225"/>
      <c r="AJ2" s="225"/>
      <c r="AK2" s="225"/>
    </row>
    <row r="3" spans="1:37" ht="18.75">
      <c r="A3" s="344" t="s">
        <v>363</v>
      </c>
      <c r="B3" s="344"/>
      <c r="C3" s="344"/>
      <c r="D3" s="344"/>
      <c r="P3" s="225"/>
      <c r="Q3" s="225"/>
      <c r="R3" s="225"/>
      <c r="S3" s="225"/>
      <c r="T3" s="225"/>
      <c r="U3" s="225"/>
      <c r="V3" s="225"/>
      <c r="W3" s="225"/>
      <c r="X3" s="225"/>
      <c r="Y3" s="225"/>
      <c r="Z3" s="225"/>
      <c r="AA3" s="225"/>
      <c r="AB3" s="225"/>
      <c r="AC3" s="225"/>
      <c r="AD3" s="225"/>
      <c r="AE3" s="225"/>
      <c r="AF3" s="225"/>
      <c r="AG3" s="225"/>
      <c r="AH3" s="225"/>
      <c r="AI3" s="225"/>
      <c r="AJ3" s="225"/>
      <c r="AK3" s="225"/>
    </row>
    <row r="4" spans="1:37" ht="99.75" customHeight="1">
      <c r="A4" s="355" t="s">
        <v>361</v>
      </c>
      <c r="B4" s="355"/>
      <c r="C4" s="355"/>
      <c r="D4" s="355"/>
      <c r="P4" s="225"/>
      <c r="Q4" s="225"/>
      <c r="R4" s="225"/>
      <c r="S4" s="225"/>
      <c r="T4" s="225"/>
      <c r="U4" s="225"/>
      <c r="V4" s="225"/>
      <c r="W4" s="225"/>
      <c r="X4" s="225"/>
      <c r="Y4" s="225"/>
      <c r="Z4" s="225"/>
      <c r="AA4" s="225"/>
      <c r="AB4" s="225"/>
      <c r="AC4" s="225"/>
      <c r="AD4" s="225"/>
      <c r="AE4" s="225"/>
      <c r="AF4" s="225"/>
      <c r="AG4" s="225"/>
      <c r="AH4" s="225"/>
      <c r="AI4" s="225"/>
      <c r="AJ4" s="225"/>
      <c r="AK4" s="225"/>
    </row>
    <row r="5" spans="1:37" ht="36.75" customHeight="1">
      <c r="A5" s="356" t="s">
        <v>362</v>
      </c>
      <c r="B5" s="357"/>
      <c r="C5" s="357"/>
      <c r="D5" s="357"/>
      <c r="P5" s="225"/>
      <c r="Q5" s="225"/>
      <c r="R5" s="225"/>
      <c r="S5" s="225"/>
      <c r="T5" s="225"/>
      <c r="U5" s="225"/>
      <c r="V5" s="225"/>
      <c r="W5" s="225"/>
      <c r="X5" s="225"/>
      <c r="Y5" s="225"/>
      <c r="Z5" s="225"/>
      <c r="AA5" s="225"/>
      <c r="AB5" s="225"/>
      <c r="AC5" s="225"/>
      <c r="AD5" s="225"/>
      <c r="AE5" s="225"/>
      <c r="AF5" s="225"/>
      <c r="AG5" s="225"/>
      <c r="AH5" s="225"/>
      <c r="AI5" s="225"/>
      <c r="AJ5" s="225"/>
      <c r="AK5" s="225"/>
    </row>
    <row r="6" spans="1:37" ht="72">
      <c r="A6" s="32" t="s">
        <v>71</v>
      </c>
      <c r="B6" s="33" t="s">
        <v>72</v>
      </c>
      <c r="C6" s="34" t="s">
        <v>593</v>
      </c>
      <c r="D6" s="35" t="s">
        <v>73</v>
      </c>
      <c r="P6" s="225"/>
      <c r="Q6" s="225"/>
      <c r="R6" s="225"/>
      <c r="S6" s="225"/>
      <c r="T6" s="225"/>
      <c r="U6" s="225"/>
      <c r="V6" s="225"/>
      <c r="W6" s="225"/>
      <c r="X6" s="225"/>
      <c r="Y6" s="225"/>
      <c r="Z6" s="225"/>
      <c r="AA6" s="225"/>
      <c r="AB6" s="225"/>
      <c r="AC6" s="225"/>
      <c r="AD6" s="225"/>
      <c r="AE6" s="225"/>
      <c r="AF6" s="225"/>
      <c r="AG6" s="225"/>
      <c r="AH6" s="225"/>
      <c r="AI6" s="225"/>
      <c r="AJ6" s="225"/>
      <c r="AK6" s="225"/>
    </row>
    <row r="7" spans="1:37" ht="72">
      <c r="A7" s="36"/>
      <c r="B7" s="37" t="s">
        <v>74</v>
      </c>
      <c r="C7" s="38" t="s">
        <v>586</v>
      </c>
      <c r="D7" s="39" t="s">
        <v>76</v>
      </c>
      <c r="P7" s="225"/>
      <c r="Q7" s="225"/>
      <c r="R7" s="225"/>
      <c r="S7" s="225"/>
      <c r="T7" s="225"/>
      <c r="U7" s="225"/>
      <c r="V7" s="225"/>
      <c r="W7" s="225"/>
      <c r="X7" s="225"/>
      <c r="Y7" s="225"/>
      <c r="Z7" s="225"/>
      <c r="AA7" s="225"/>
      <c r="AB7" s="225"/>
      <c r="AC7" s="225"/>
      <c r="AD7" s="225"/>
      <c r="AE7" s="225"/>
      <c r="AF7" s="225"/>
      <c r="AG7" s="225"/>
      <c r="AH7" s="225"/>
      <c r="AI7" s="225"/>
      <c r="AJ7" s="225"/>
      <c r="AK7" s="225"/>
    </row>
    <row r="8" spans="1:37">
      <c r="A8" s="40" t="s">
        <v>350</v>
      </c>
      <c r="B8" s="128">
        <v>13760</v>
      </c>
      <c r="C8" s="129">
        <v>5.3107549376785776</v>
      </c>
      <c r="D8" s="130">
        <v>1.980026958620976E-2</v>
      </c>
      <c r="P8" s="225"/>
      <c r="Q8" s="225"/>
      <c r="R8" s="225"/>
      <c r="S8" s="225"/>
      <c r="T8" s="225"/>
      <c r="U8" s="225"/>
      <c r="V8" s="225"/>
      <c r="W8" s="225"/>
      <c r="X8" s="225"/>
      <c r="Y8" s="225"/>
      <c r="Z8" s="225"/>
      <c r="AA8" s="225"/>
      <c r="AB8" s="225"/>
      <c r="AC8" s="225"/>
      <c r="AD8" s="225"/>
      <c r="AE8" s="225"/>
      <c r="AF8" s="225"/>
      <c r="AG8" s="225"/>
      <c r="AH8" s="225"/>
      <c r="AI8" s="225"/>
      <c r="AJ8" s="225"/>
      <c r="AK8" s="225"/>
    </row>
    <row r="9" spans="1:37">
      <c r="A9" s="44" t="s">
        <v>351</v>
      </c>
      <c r="B9" s="44">
        <v>10041</v>
      </c>
      <c r="C9" s="132">
        <v>5.425601896978967</v>
      </c>
      <c r="D9" s="133">
        <v>2.2820295307440942E-2</v>
      </c>
      <c r="P9" s="225"/>
      <c r="Q9" s="225"/>
      <c r="R9" s="225"/>
      <c r="S9" s="225"/>
      <c r="T9" s="225"/>
      <c r="U9" s="225"/>
      <c r="V9" s="225"/>
      <c r="W9" s="225"/>
      <c r="X9" s="225"/>
      <c r="Y9" s="225"/>
      <c r="Z9" s="225"/>
      <c r="AA9" s="225"/>
      <c r="AB9" s="225"/>
      <c r="AC9" s="225"/>
      <c r="AD9" s="225"/>
      <c r="AE9" s="225"/>
      <c r="AF9" s="225"/>
      <c r="AG9" s="225"/>
      <c r="AH9" s="225"/>
      <c r="AI9" s="225"/>
      <c r="AJ9" s="225"/>
      <c r="AK9" s="225"/>
    </row>
    <row r="10" spans="1:37">
      <c r="A10" s="40" t="s">
        <v>352</v>
      </c>
      <c r="B10" s="48">
        <v>3719</v>
      </c>
      <c r="C10" s="129">
        <v>5.2193696323113699</v>
      </c>
      <c r="D10" s="130">
        <v>3.8927555702293927E-2</v>
      </c>
      <c r="P10" s="225"/>
      <c r="Q10" s="225"/>
      <c r="R10" s="225"/>
      <c r="S10" s="225"/>
      <c r="T10" s="225"/>
      <c r="U10" s="225"/>
      <c r="V10" s="225"/>
      <c r="W10" s="225"/>
      <c r="X10" s="225"/>
      <c r="Y10" s="225"/>
      <c r="Z10" s="225"/>
      <c r="AA10" s="225"/>
      <c r="AB10" s="225"/>
      <c r="AC10" s="225"/>
      <c r="AD10" s="225"/>
      <c r="AE10" s="225"/>
      <c r="AF10" s="225"/>
      <c r="AG10" s="225"/>
      <c r="AH10" s="225"/>
      <c r="AI10" s="225"/>
      <c r="AJ10" s="225"/>
      <c r="AK10" s="225"/>
    </row>
    <row r="11" spans="1:37">
      <c r="A11" s="44" t="s">
        <v>534</v>
      </c>
      <c r="B11" s="44">
        <v>3167</v>
      </c>
      <c r="C11" s="132">
        <v>5.3752901838917078</v>
      </c>
      <c r="D11" s="133">
        <v>3.9545584594244232E-2</v>
      </c>
      <c r="P11" s="225"/>
      <c r="Q11" s="225"/>
      <c r="R11" s="225"/>
      <c r="S11" s="225"/>
      <c r="T11" s="225"/>
      <c r="U11" s="225"/>
      <c r="V11" s="225"/>
      <c r="W11" s="225"/>
      <c r="X11" s="225"/>
      <c r="Y11" s="225"/>
      <c r="Z11" s="225"/>
      <c r="AA11" s="225"/>
      <c r="AB11" s="225"/>
      <c r="AC11" s="225"/>
      <c r="AD11" s="225"/>
      <c r="AE11" s="225"/>
      <c r="AF11" s="225"/>
      <c r="AG11" s="225"/>
      <c r="AH11" s="225"/>
      <c r="AI11" s="225"/>
      <c r="AJ11" s="225"/>
      <c r="AK11" s="225"/>
    </row>
    <row r="12" spans="1:37">
      <c r="A12" s="40" t="s">
        <v>535</v>
      </c>
      <c r="B12" s="48">
        <v>2478</v>
      </c>
      <c r="C12" s="129">
        <v>5.5679389996974757</v>
      </c>
      <c r="D12" s="130">
        <v>4.3518619627036424E-2</v>
      </c>
      <c r="P12" s="225"/>
      <c r="Q12" s="225"/>
      <c r="R12" s="225"/>
      <c r="S12" s="225"/>
      <c r="T12" s="225"/>
      <c r="U12" s="225"/>
      <c r="V12" s="225"/>
      <c r="W12" s="225"/>
      <c r="X12" s="225"/>
      <c r="Y12" s="225"/>
      <c r="Z12" s="225"/>
      <c r="AA12" s="225"/>
      <c r="AB12" s="225"/>
      <c r="AC12" s="225"/>
      <c r="AD12" s="225"/>
      <c r="AE12" s="225"/>
      <c r="AF12" s="225"/>
      <c r="AG12" s="225"/>
      <c r="AH12" s="225"/>
      <c r="AI12" s="225"/>
      <c r="AJ12" s="225"/>
      <c r="AK12" s="225"/>
    </row>
    <row r="13" spans="1:37">
      <c r="A13" s="44" t="s">
        <v>536</v>
      </c>
      <c r="B13" s="44">
        <v>362</v>
      </c>
      <c r="C13" s="132">
        <v>5.3684248742209437</v>
      </c>
      <c r="D13" s="133">
        <v>0.11668590609056385</v>
      </c>
      <c r="P13" s="225"/>
      <c r="Q13" s="225"/>
      <c r="R13" s="225"/>
      <c r="S13" s="225"/>
      <c r="T13" s="225"/>
      <c r="U13" s="225"/>
      <c r="V13" s="225"/>
      <c r="W13" s="225"/>
      <c r="X13" s="225"/>
      <c r="Y13" s="225"/>
      <c r="Z13" s="225"/>
      <c r="AA13" s="225"/>
      <c r="AB13" s="225"/>
      <c r="AC13" s="225"/>
      <c r="AD13" s="225"/>
      <c r="AE13" s="225"/>
      <c r="AF13" s="225"/>
      <c r="AG13" s="225"/>
      <c r="AH13" s="225"/>
      <c r="AI13" s="225"/>
      <c r="AJ13" s="225"/>
      <c r="AK13" s="225"/>
    </row>
    <row r="14" spans="1:37">
      <c r="A14" s="40" t="s">
        <v>537</v>
      </c>
      <c r="B14" s="48">
        <v>86</v>
      </c>
      <c r="C14" s="129">
        <v>5.4037589791440528</v>
      </c>
      <c r="D14" s="130">
        <v>0.24257483526930815</v>
      </c>
      <c r="P14" s="225"/>
      <c r="Q14" s="225"/>
      <c r="R14" s="225"/>
      <c r="S14" s="225"/>
      <c r="T14" s="225"/>
      <c r="U14" s="225"/>
      <c r="V14" s="225"/>
      <c r="W14" s="225"/>
      <c r="X14" s="225"/>
      <c r="Y14" s="225"/>
      <c r="Z14" s="225"/>
      <c r="AA14" s="225"/>
      <c r="AB14" s="225"/>
      <c r="AC14" s="225"/>
      <c r="AD14" s="225"/>
      <c r="AE14" s="225"/>
      <c r="AF14" s="225"/>
      <c r="AG14" s="225"/>
      <c r="AH14" s="225"/>
      <c r="AI14" s="225"/>
      <c r="AJ14" s="225"/>
      <c r="AK14" s="225"/>
    </row>
    <row r="15" spans="1:37">
      <c r="A15" s="44" t="s">
        <v>538</v>
      </c>
      <c r="B15" s="44">
        <v>61</v>
      </c>
      <c r="C15" s="132">
        <v>5.3880885864067203</v>
      </c>
      <c r="D15" s="133">
        <v>0.28059219648217493</v>
      </c>
      <c r="P15" s="225"/>
      <c r="Q15" s="225"/>
      <c r="R15" s="225"/>
      <c r="S15" s="225"/>
      <c r="T15" s="225"/>
      <c r="U15" s="225"/>
      <c r="V15" s="225"/>
      <c r="W15" s="225"/>
      <c r="X15" s="225"/>
      <c r="Y15" s="225"/>
      <c r="Z15" s="225"/>
      <c r="AA15" s="225"/>
      <c r="AB15" s="225"/>
      <c r="AC15" s="225"/>
      <c r="AD15" s="225"/>
      <c r="AE15" s="225"/>
      <c r="AF15" s="225"/>
      <c r="AG15" s="225"/>
      <c r="AH15" s="225"/>
      <c r="AI15" s="225"/>
      <c r="AJ15" s="225"/>
      <c r="AK15" s="225"/>
    </row>
    <row r="16" spans="1:37">
      <c r="A16" s="40" t="s">
        <v>539</v>
      </c>
      <c r="B16" s="48">
        <v>64</v>
      </c>
      <c r="C16" s="129">
        <v>5.1560003064969759</v>
      </c>
      <c r="D16" s="130">
        <v>0.24299502413885085</v>
      </c>
      <c r="P16" s="225"/>
      <c r="Q16" s="225"/>
      <c r="R16" s="225"/>
      <c r="S16" s="225"/>
      <c r="T16" s="225"/>
      <c r="U16" s="225"/>
      <c r="V16" s="225"/>
      <c r="W16" s="225"/>
      <c r="X16" s="225"/>
      <c r="Y16" s="225"/>
      <c r="Z16" s="225"/>
      <c r="AA16" s="225"/>
      <c r="AB16" s="225"/>
      <c r="AC16" s="225"/>
      <c r="AD16" s="225"/>
      <c r="AE16" s="225"/>
      <c r="AF16" s="225"/>
      <c r="AG16" s="225"/>
      <c r="AH16" s="225"/>
      <c r="AI16" s="225"/>
      <c r="AJ16" s="225"/>
      <c r="AK16" s="225"/>
    </row>
    <row r="17" spans="1:56">
      <c r="A17" s="44" t="s">
        <v>540</v>
      </c>
      <c r="B17" s="44">
        <v>76</v>
      </c>
      <c r="C17" s="132">
        <v>5.5772960091357549</v>
      </c>
      <c r="D17" s="133">
        <v>0.25005259093590398</v>
      </c>
      <c r="P17" s="225"/>
      <c r="Q17" s="225"/>
      <c r="R17" s="225"/>
      <c r="S17" s="225"/>
      <c r="T17" s="225"/>
      <c r="U17" s="225"/>
      <c r="V17" s="225"/>
      <c r="W17" s="225"/>
      <c r="X17" s="225"/>
      <c r="Y17" s="225"/>
      <c r="Z17" s="225"/>
      <c r="AA17" s="225"/>
      <c r="AB17" s="225"/>
      <c r="AC17" s="225"/>
      <c r="AD17" s="225"/>
      <c r="AE17" s="225"/>
      <c r="AF17" s="225"/>
      <c r="AG17" s="225"/>
      <c r="AH17" s="225"/>
      <c r="AI17" s="225"/>
      <c r="AJ17" s="225"/>
      <c r="AK17" s="225"/>
    </row>
    <row r="18" spans="1:56">
      <c r="A18" s="40" t="s">
        <v>541</v>
      </c>
      <c r="B18" s="128">
        <v>75</v>
      </c>
      <c r="C18" s="129">
        <v>5.3677161497186097</v>
      </c>
      <c r="D18" s="130">
        <v>0.27880661190204586</v>
      </c>
      <c r="P18" s="225"/>
      <c r="Q18" s="225"/>
      <c r="R18" s="225"/>
      <c r="S18" s="225"/>
      <c r="T18" s="225"/>
      <c r="U18" s="225"/>
      <c r="V18" s="225"/>
      <c r="W18" s="225"/>
      <c r="X18" s="225"/>
      <c r="Y18" s="225"/>
      <c r="Z18" s="225"/>
      <c r="AA18" s="225"/>
      <c r="AB18" s="225"/>
      <c r="AC18" s="225"/>
      <c r="AD18" s="225"/>
      <c r="AE18" s="225"/>
      <c r="AF18" s="225"/>
      <c r="AG18" s="225"/>
      <c r="AH18" s="225"/>
      <c r="AI18" s="225"/>
      <c r="AJ18" s="225"/>
      <c r="AK18" s="225"/>
    </row>
    <row r="19" spans="1:56">
      <c r="A19" s="44" t="s">
        <v>542</v>
      </c>
      <c r="B19" s="131">
        <v>599</v>
      </c>
      <c r="C19" s="132">
        <v>5.6613792320019218</v>
      </c>
      <c r="D19" s="133">
        <v>8.6512973422801773E-2</v>
      </c>
      <c r="P19" s="225"/>
      <c r="Q19" s="225"/>
      <c r="R19" s="225"/>
      <c r="S19" s="225"/>
      <c r="T19" s="225"/>
      <c r="U19" s="225"/>
      <c r="V19" s="225"/>
      <c r="W19" s="225"/>
      <c r="X19" s="225"/>
      <c r="Y19" s="225"/>
      <c r="Z19" s="225"/>
      <c r="AA19" s="225"/>
      <c r="AB19" s="225"/>
      <c r="AC19" s="225"/>
      <c r="AD19" s="225"/>
      <c r="AE19" s="225"/>
      <c r="AF19" s="225"/>
      <c r="AG19" s="225"/>
      <c r="AH19" s="225"/>
      <c r="AI19" s="225"/>
      <c r="AJ19" s="225"/>
      <c r="AK19" s="225"/>
    </row>
    <row r="20" spans="1:56">
      <c r="A20" s="40" t="s">
        <v>543</v>
      </c>
      <c r="B20" s="78">
        <v>58</v>
      </c>
      <c r="C20" s="79">
        <v>5.9058075410194197</v>
      </c>
      <c r="D20" s="130">
        <v>0.27481701214295456</v>
      </c>
      <c r="P20" s="225"/>
      <c r="Q20" s="225"/>
      <c r="R20" s="225"/>
      <c r="S20" s="225"/>
      <c r="T20" s="225"/>
      <c r="U20" s="225"/>
      <c r="V20" s="225"/>
      <c r="W20" s="225"/>
      <c r="X20" s="225"/>
      <c r="Y20" s="225"/>
      <c r="Z20" s="225"/>
      <c r="AA20" s="225"/>
      <c r="AB20" s="225"/>
      <c r="AC20" s="225"/>
      <c r="AD20" s="225"/>
      <c r="AE20" s="225"/>
      <c r="AF20" s="225"/>
      <c r="AG20" s="225"/>
      <c r="AH20" s="225"/>
      <c r="AI20" s="225"/>
      <c r="AJ20" s="225"/>
      <c r="AK20" s="225"/>
    </row>
    <row r="21" spans="1:56">
      <c r="A21" s="44" t="s">
        <v>550</v>
      </c>
      <c r="B21" s="131">
        <v>106</v>
      </c>
      <c r="C21" s="132">
        <v>5.4032145336053814</v>
      </c>
      <c r="D21" s="133">
        <v>0.2051661254908993</v>
      </c>
      <c r="P21" s="225"/>
      <c r="Q21" s="225"/>
      <c r="R21" s="225"/>
      <c r="S21" s="225"/>
      <c r="T21" s="225"/>
      <c r="U21" s="225"/>
      <c r="V21" s="225"/>
      <c r="W21" s="225"/>
      <c r="X21" s="225"/>
      <c r="Y21" s="225"/>
      <c r="Z21" s="225"/>
      <c r="AA21" s="225"/>
      <c r="AB21" s="225"/>
      <c r="AC21" s="225"/>
      <c r="AD21" s="225"/>
      <c r="AE21" s="225"/>
      <c r="AF21" s="225"/>
      <c r="AG21" s="225"/>
      <c r="AH21" s="225"/>
      <c r="AI21" s="225"/>
      <c r="AJ21" s="225"/>
      <c r="AK21" s="225"/>
    </row>
    <row r="22" spans="1:56">
      <c r="A22" s="52" t="s">
        <v>544</v>
      </c>
      <c r="B22" s="128">
        <v>117</v>
      </c>
      <c r="C22" s="129">
        <v>5.4071561598193911</v>
      </c>
      <c r="D22" s="130">
        <v>0.20267226955504114</v>
      </c>
      <c r="P22" s="225"/>
      <c r="Q22" s="225"/>
      <c r="R22" s="225"/>
      <c r="S22" s="225"/>
      <c r="T22" s="225"/>
      <c r="U22" s="225"/>
      <c r="V22" s="225"/>
      <c r="W22" s="225"/>
      <c r="X22" s="225"/>
      <c r="Y22" s="225"/>
      <c r="Z22" s="225"/>
      <c r="AA22" s="225"/>
      <c r="AB22" s="225"/>
      <c r="AC22" s="225"/>
      <c r="AD22" s="225"/>
      <c r="AE22" s="225"/>
      <c r="AF22" s="225"/>
      <c r="AG22" s="225"/>
      <c r="AH22" s="225"/>
      <c r="AI22" s="225"/>
      <c r="AJ22" s="225"/>
      <c r="AK22" s="225"/>
    </row>
    <row r="23" spans="1:56">
      <c r="A23" s="44" t="s">
        <v>545</v>
      </c>
      <c r="B23" s="131">
        <v>154</v>
      </c>
      <c r="C23" s="132">
        <v>5.8110178681214606</v>
      </c>
      <c r="D23" s="133">
        <v>0.15224003943924039</v>
      </c>
      <c r="P23" s="225"/>
      <c r="Q23" s="225"/>
      <c r="R23" s="225"/>
      <c r="S23" s="225"/>
      <c r="T23" s="225"/>
      <c r="U23" s="225"/>
      <c r="V23" s="225"/>
      <c r="W23" s="225"/>
      <c r="X23" s="225"/>
      <c r="Y23" s="225"/>
      <c r="Z23" s="225"/>
      <c r="AA23" s="225"/>
      <c r="AB23" s="225"/>
      <c r="AC23" s="225"/>
      <c r="AD23" s="225"/>
      <c r="AE23" s="225"/>
      <c r="AF23" s="225"/>
      <c r="AG23" s="225"/>
      <c r="AH23" s="225"/>
      <c r="AI23" s="225"/>
      <c r="AJ23" s="225"/>
      <c r="AK23" s="225"/>
    </row>
    <row r="24" spans="1:56">
      <c r="A24" s="52" t="s">
        <v>546</v>
      </c>
      <c r="B24" s="128">
        <v>70</v>
      </c>
      <c r="C24" s="129">
        <v>6.1114643858795592</v>
      </c>
      <c r="D24" s="130">
        <v>0.19324653117086163</v>
      </c>
      <c r="P24" s="225"/>
      <c r="Q24" s="225"/>
      <c r="R24" s="225"/>
      <c r="S24" s="225"/>
      <c r="T24" s="225"/>
      <c r="U24" s="225"/>
      <c r="V24" s="225"/>
      <c r="W24" s="225"/>
      <c r="X24" s="225"/>
      <c r="Y24" s="225"/>
      <c r="Z24" s="225"/>
      <c r="AA24" s="225"/>
      <c r="AB24" s="225"/>
      <c r="AC24" s="225"/>
      <c r="AD24" s="225"/>
      <c r="AE24" s="225"/>
      <c r="AF24" s="225"/>
      <c r="AG24" s="225"/>
      <c r="AH24" s="225"/>
      <c r="AI24" s="225"/>
      <c r="AJ24" s="225"/>
      <c r="AK24" s="225"/>
    </row>
    <row r="25" spans="1:56">
      <c r="A25" s="44" t="s">
        <v>547</v>
      </c>
      <c r="B25" s="131">
        <v>94</v>
      </c>
      <c r="C25" s="132">
        <v>5.5615331325186048</v>
      </c>
      <c r="D25" s="133">
        <v>0.24846204823168602</v>
      </c>
      <c r="P25" s="225"/>
      <c r="Q25" s="225"/>
      <c r="R25" s="225"/>
      <c r="S25" s="225"/>
      <c r="T25" s="225"/>
      <c r="U25" s="225"/>
      <c r="V25" s="225"/>
      <c r="W25" s="225"/>
      <c r="X25" s="225"/>
      <c r="Y25" s="225"/>
      <c r="Z25" s="225"/>
      <c r="AA25" s="225"/>
      <c r="AB25" s="225"/>
      <c r="AC25" s="225"/>
      <c r="AD25" s="225"/>
      <c r="AE25" s="225"/>
      <c r="AF25" s="225"/>
      <c r="AG25" s="225"/>
      <c r="AH25" s="225"/>
      <c r="AI25" s="225"/>
      <c r="AJ25" s="225"/>
      <c r="AK25" s="225"/>
    </row>
    <row r="26" spans="1:56">
      <c r="A26" s="52" t="s">
        <v>551</v>
      </c>
      <c r="B26" s="128">
        <v>757</v>
      </c>
      <c r="C26" s="129">
        <v>5.3127207348968266</v>
      </c>
      <c r="D26" s="130">
        <v>8.6027858328822995E-2</v>
      </c>
      <c r="P26" s="225"/>
      <c r="Q26" s="225"/>
      <c r="R26" s="225"/>
      <c r="S26" s="225"/>
      <c r="T26" s="225"/>
      <c r="U26" s="225"/>
      <c r="V26" s="225"/>
      <c r="W26" s="225"/>
      <c r="X26" s="225"/>
      <c r="Y26" s="225"/>
      <c r="Z26" s="225"/>
      <c r="AA26" s="225"/>
      <c r="AB26" s="225"/>
      <c r="AC26" s="225"/>
      <c r="AD26" s="225"/>
      <c r="AE26" s="225"/>
      <c r="AF26" s="225"/>
      <c r="AG26" s="225"/>
      <c r="AH26" s="225"/>
      <c r="AI26" s="225"/>
      <c r="AJ26" s="225"/>
      <c r="AK26" s="225"/>
    </row>
    <row r="27" spans="1:56">
      <c r="A27" s="44" t="s">
        <v>552</v>
      </c>
      <c r="B27" s="131">
        <v>201</v>
      </c>
      <c r="C27" s="132">
        <v>5.3459809961931564</v>
      </c>
      <c r="D27" s="133">
        <v>0.14831731867050746</v>
      </c>
      <c r="P27" s="225"/>
      <c r="Q27" s="225"/>
      <c r="R27" s="225"/>
      <c r="S27" s="225"/>
      <c r="T27" s="225"/>
      <c r="U27" s="225"/>
      <c r="V27" s="225"/>
      <c r="W27" s="225"/>
      <c r="X27" s="225"/>
      <c r="Y27" s="225"/>
      <c r="Z27" s="225"/>
      <c r="AA27" s="225"/>
      <c r="AB27" s="225"/>
      <c r="AC27" s="225"/>
      <c r="AD27" s="225"/>
      <c r="AE27" s="225"/>
      <c r="AF27" s="225"/>
      <c r="AG27" s="225"/>
      <c r="AH27" s="225"/>
      <c r="AI27" s="225"/>
      <c r="AJ27" s="225"/>
      <c r="AK27" s="225"/>
    </row>
    <row r="28" spans="1:56">
      <c r="A28" s="52" t="s">
        <v>553</v>
      </c>
      <c r="B28" s="128">
        <v>266</v>
      </c>
      <c r="C28" s="129">
        <v>5.2963506322315492</v>
      </c>
      <c r="D28" s="130">
        <v>0.1420280000329438</v>
      </c>
      <c r="P28" s="225"/>
      <c r="Q28" s="225"/>
      <c r="R28" s="225"/>
      <c r="S28" s="225"/>
      <c r="T28" s="225"/>
      <c r="U28" s="225"/>
      <c r="V28" s="225"/>
      <c r="W28" s="225"/>
      <c r="X28" s="225"/>
      <c r="Y28" s="225"/>
      <c r="Z28" s="225"/>
      <c r="AA28" s="225"/>
      <c r="AB28" s="225"/>
      <c r="AC28" s="225"/>
      <c r="AD28" s="225"/>
      <c r="AE28" s="225"/>
      <c r="AF28" s="225"/>
      <c r="AG28" s="225"/>
      <c r="AH28" s="225"/>
      <c r="AI28" s="225"/>
      <c r="AJ28" s="225"/>
      <c r="AK28" s="225"/>
    </row>
    <row r="29" spans="1:56">
      <c r="A29" s="44" t="s">
        <v>554</v>
      </c>
      <c r="B29" s="131">
        <v>232</v>
      </c>
      <c r="C29" s="132">
        <v>5.2665389362542818</v>
      </c>
      <c r="D29" s="133">
        <v>0.17163273642886584</v>
      </c>
      <c r="P29" s="225"/>
      <c r="Q29" s="225"/>
      <c r="R29" s="225"/>
      <c r="S29" s="225"/>
      <c r="T29" s="225"/>
      <c r="U29" s="225"/>
      <c r="V29" s="225"/>
      <c r="W29" s="225"/>
      <c r="X29" s="225"/>
      <c r="Y29" s="225"/>
      <c r="Z29" s="225"/>
      <c r="AA29" s="225"/>
      <c r="AB29" s="225"/>
      <c r="AC29" s="225"/>
      <c r="AD29" s="225"/>
      <c r="AE29" s="225"/>
      <c r="AF29" s="225"/>
      <c r="AG29" s="225"/>
      <c r="AH29" s="225"/>
      <c r="AI29" s="225"/>
      <c r="AJ29" s="225"/>
      <c r="AK29" s="225"/>
    </row>
    <row r="30" spans="1:56">
      <c r="P30" s="225"/>
      <c r="Q30" s="225"/>
      <c r="R30" s="225"/>
      <c r="S30" s="225"/>
      <c r="T30" s="225"/>
      <c r="U30" s="225"/>
      <c r="V30" s="225"/>
      <c r="W30" s="225"/>
      <c r="X30" s="225"/>
      <c r="Y30" s="225"/>
      <c r="Z30" s="225"/>
      <c r="AA30" s="225"/>
      <c r="AB30" s="225"/>
      <c r="AC30" s="225"/>
      <c r="AD30" s="225"/>
      <c r="AE30" s="225"/>
      <c r="AF30" s="225"/>
      <c r="AG30" s="225"/>
      <c r="AH30" s="225"/>
      <c r="AI30" s="225"/>
      <c r="AJ30" s="225"/>
      <c r="AK30" s="225"/>
    </row>
    <row r="31" spans="1:56">
      <c r="P31" s="225"/>
      <c r="Q31" s="225"/>
      <c r="R31" s="225"/>
      <c r="S31" s="225"/>
      <c r="T31" s="225"/>
      <c r="U31" s="225"/>
      <c r="V31" s="225"/>
      <c r="W31" s="225"/>
      <c r="X31" s="225"/>
      <c r="Y31" s="225"/>
      <c r="Z31" s="225"/>
      <c r="AA31" s="225"/>
      <c r="AB31" s="225"/>
      <c r="AC31" s="225"/>
      <c r="AD31" s="225"/>
      <c r="AE31" s="225"/>
      <c r="AF31" s="225"/>
      <c r="AG31" s="225"/>
      <c r="AH31" s="225"/>
      <c r="AI31" s="225"/>
      <c r="AJ31" s="225"/>
      <c r="AK31" s="225"/>
    </row>
    <row r="32" spans="1:56" ht="18.75">
      <c r="A32" s="364" t="s">
        <v>497</v>
      </c>
      <c r="B32" s="364"/>
      <c r="C32" s="364"/>
      <c r="D32" s="364"/>
      <c r="E32" s="364"/>
      <c r="F32" s="364"/>
      <c r="G32" s="364"/>
      <c r="H32" s="364"/>
      <c r="I32" s="364"/>
      <c r="J32" s="364"/>
      <c r="K32" s="364"/>
      <c r="L32" s="364"/>
      <c r="M32" s="364"/>
      <c r="N32" s="364"/>
      <c r="O32" s="364"/>
      <c r="P32" s="364"/>
      <c r="Q32" s="364"/>
      <c r="R32" s="364"/>
      <c r="S32" s="364"/>
      <c r="T32" s="364"/>
      <c r="U32" s="364"/>
      <c r="V32" s="364"/>
      <c r="W32" s="364"/>
      <c r="X32" s="364"/>
      <c r="Y32" s="364"/>
      <c r="Z32" s="364"/>
      <c r="AA32" s="364"/>
      <c r="AB32" s="364"/>
      <c r="AC32" s="364"/>
      <c r="AD32" s="364"/>
      <c r="AE32" s="364"/>
      <c r="AF32" s="364"/>
      <c r="AG32" s="364"/>
      <c r="AH32" s="364"/>
      <c r="AI32" s="364"/>
      <c r="AJ32" s="364"/>
      <c r="AK32" s="364"/>
      <c r="AL32" s="364"/>
      <c r="AM32" s="364"/>
      <c r="AN32" s="364"/>
      <c r="AO32" s="364"/>
      <c r="AP32" s="364"/>
      <c r="AQ32" s="364"/>
      <c r="AR32" s="364"/>
      <c r="AS32" s="364"/>
      <c r="AT32" s="364"/>
      <c r="AU32" s="364"/>
      <c r="AV32" s="364"/>
      <c r="AW32" s="364"/>
      <c r="AX32" s="364"/>
      <c r="AY32" s="364"/>
      <c r="AZ32" s="364"/>
      <c r="BA32" s="364"/>
      <c r="BB32" s="364"/>
      <c r="BC32" s="364"/>
      <c r="BD32" s="364"/>
    </row>
    <row r="33" spans="1:56" ht="62.25" customHeight="1">
      <c r="A33" s="363" t="s">
        <v>587</v>
      </c>
      <c r="B33" s="363"/>
      <c r="C33" s="363"/>
      <c r="D33" s="363"/>
      <c r="E33" s="363"/>
      <c r="F33" s="363"/>
      <c r="G33" s="363"/>
      <c r="H33" s="363"/>
      <c r="I33" s="363"/>
      <c r="J33" s="363"/>
      <c r="K33" s="363"/>
      <c r="L33" s="363"/>
      <c r="M33" s="363"/>
      <c r="N33" s="363"/>
      <c r="O33" s="363"/>
      <c r="P33" s="363"/>
      <c r="Q33" s="363"/>
      <c r="R33" s="363"/>
      <c r="S33" s="363"/>
      <c r="T33" s="363"/>
      <c r="U33" s="363"/>
      <c r="V33" s="363"/>
      <c r="W33" s="363"/>
      <c r="X33" s="363"/>
      <c r="Y33" s="363"/>
      <c r="Z33" s="363"/>
      <c r="AA33" s="363"/>
      <c r="AB33" s="363"/>
      <c r="AC33" s="363"/>
      <c r="AD33" s="363"/>
      <c r="AE33" s="363"/>
      <c r="AF33" s="363"/>
      <c r="AG33" s="363"/>
      <c r="AH33" s="363"/>
      <c r="AI33" s="363"/>
      <c r="AJ33" s="363"/>
      <c r="AK33" s="363"/>
      <c r="AL33" s="363"/>
      <c r="AM33" s="363"/>
      <c r="AN33" s="363"/>
      <c r="AO33" s="363"/>
      <c r="AP33" s="363"/>
      <c r="AQ33" s="363"/>
      <c r="AR33" s="363"/>
      <c r="AS33" s="363"/>
      <c r="AT33" s="363"/>
      <c r="AU33" s="363"/>
      <c r="AV33" s="363"/>
      <c r="AW33" s="363"/>
      <c r="AX33" s="363"/>
      <c r="AY33" s="363"/>
      <c r="AZ33" s="363"/>
      <c r="BA33" s="363"/>
      <c r="BB33" s="363"/>
      <c r="BC33" s="363"/>
      <c r="BD33" s="363"/>
    </row>
    <row r="34" spans="1:56" ht="39.75" customHeight="1">
      <c r="A34" s="59"/>
      <c r="B34" s="360" t="s">
        <v>364</v>
      </c>
      <c r="C34" s="361"/>
      <c r="D34" s="361"/>
      <c r="E34" s="361"/>
      <c r="F34" s="361"/>
      <c r="G34" s="361"/>
      <c r="H34" s="361"/>
      <c r="I34" s="361"/>
      <c r="J34" s="361"/>
      <c r="K34" s="361"/>
      <c r="L34" s="362"/>
      <c r="M34" s="358" t="s">
        <v>84</v>
      </c>
      <c r="N34" s="359"/>
      <c r="O34" s="359"/>
      <c r="P34" s="359"/>
      <c r="Q34" s="359"/>
      <c r="R34" s="359"/>
      <c r="S34" s="359"/>
      <c r="T34" s="359"/>
      <c r="U34" s="359"/>
      <c r="V34" s="359"/>
      <c r="W34" s="359"/>
      <c r="X34" s="360" t="s">
        <v>365</v>
      </c>
      <c r="Y34" s="361"/>
      <c r="Z34" s="361"/>
      <c r="AA34" s="361"/>
      <c r="AB34" s="361"/>
      <c r="AC34" s="361"/>
      <c r="AD34" s="361"/>
      <c r="AE34" s="361"/>
      <c r="AF34" s="361"/>
      <c r="AG34" s="361"/>
      <c r="AH34" s="362"/>
      <c r="AI34" s="358" t="s">
        <v>366</v>
      </c>
      <c r="AJ34" s="359"/>
      <c r="AK34" s="359"/>
      <c r="AL34" s="359"/>
      <c r="AM34" s="359"/>
      <c r="AN34" s="359"/>
      <c r="AO34" s="359"/>
      <c r="AP34" s="359"/>
      <c r="AQ34" s="359"/>
      <c r="AR34" s="359"/>
      <c r="AS34" s="359"/>
      <c r="AT34" s="360" t="s">
        <v>367</v>
      </c>
      <c r="AU34" s="361"/>
      <c r="AV34" s="361"/>
      <c r="AW34" s="361"/>
      <c r="AX34" s="361"/>
      <c r="AY34" s="361"/>
      <c r="AZ34" s="361"/>
      <c r="BA34" s="361"/>
      <c r="BB34" s="361"/>
      <c r="BC34" s="361"/>
      <c r="BD34" s="362"/>
    </row>
    <row r="35" spans="1:56" ht="72">
      <c r="A35" s="32" t="s">
        <v>71</v>
      </c>
      <c r="B35" s="33" t="s">
        <v>72</v>
      </c>
      <c r="C35" s="34" t="s">
        <v>593</v>
      </c>
      <c r="D35" s="35" t="s">
        <v>73</v>
      </c>
      <c r="E35" s="33" t="s">
        <v>156</v>
      </c>
      <c r="F35" s="84" t="s">
        <v>85</v>
      </c>
      <c r="G35" s="33" t="s">
        <v>157</v>
      </c>
      <c r="H35" s="84" t="s">
        <v>86</v>
      </c>
      <c r="I35" s="33" t="s">
        <v>158</v>
      </c>
      <c r="J35" s="84" t="s">
        <v>87</v>
      </c>
      <c r="K35" s="33" t="s">
        <v>301</v>
      </c>
      <c r="L35" s="84" t="s">
        <v>300</v>
      </c>
      <c r="M35" s="60" t="s">
        <v>72</v>
      </c>
      <c r="N35" s="60" t="s">
        <v>593</v>
      </c>
      <c r="O35" s="60" t="s">
        <v>73</v>
      </c>
      <c r="P35" s="60" t="s">
        <v>156</v>
      </c>
      <c r="Q35" s="83" t="s">
        <v>85</v>
      </c>
      <c r="R35" s="60" t="s">
        <v>157</v>
      </c>
      <c r="S35" s="83" t="s">
        <v>86</v>
      </c>
      <c r="T35" s="60" t="s">
        <v>158</v>
      </c>
      <c r="U35" s="83" t="s">
        <v>87</v>
      </c>
      <c r="V35" s="60" t="s">
        <v>301</v>
      </c>
      <c r="W35" s="83" t="s">
        <v>300</v>
      </c>
      <c r="X35" s="33" t="s">
        <v>72</v>
      </c>
      <c r="Y35" s="34" t="s">
        <v>593</v>
      </c>
      <c r="Z35" s="35" t="s">
        <v>73</v>
      </c>
      <c r="AA35" s="33" t="s">
        <v>156</v>
      </c>
      <c r="AB35" s="84" t="s">
        <v>85</v>
      </c>
      <c r="AC35" s="33" t="s">
        <v>157</v>
      </c>
      <c r="AD35" s="84" t="s">
        <v>86</v>
      </c>
      <c r="AE35" s="33" t="s">
        <v>158</v>
      </c>
      <c r="AF35" s="84" t="s">
        <v>87</v>
      </c>
      <c r="AG35" s="33" t="s">
        <v>301</v>
      </c>
      <c r="AH35" s="84" t="s">
        <v>300</v>
      </c>
      <c r="AI35" s="60" t="s">
        <v>72</v>
      </c>
      <c r="AJ35" s="60" t="s">
        <v>593</v>
      </c>
      <c r="AK35" s="60" t="s">
        <v>73</v>
      </c>
      <c r="AL35" s="60" t="s">
        <v>156</v>
      </c>
      <c r="AM35" s="83" t="s">
        <v>85</v>
      </c>
      <c r="AN35" s="60" t="s">
        <v>157</v>
      </c>
      <c r="AO35" s="83" t="s">
        <v>86</v>
      </c>
      <c r="AP35" s="60" t="s">
        <v>158</v>
      </c>
      <c r="AQ35" s="83" t="s">
        <v>87</v>
      </c>
      <c r="AR35" s="60" t="s">
        <v>301</v>
      </c>
      <c r="AS35" s="83" t="s">
        <v>300</v>
      </c>
      <c r="AT35" s="33" t="s">
        <v>72</v>
      </c>
      <c r="AU35" s="34" t="s">
        <v>593</v>
      </c>
      <c r="AV35" s="35" t="s">
        <v>73</v>
      </c>
      <c r="AW35" s="33" t="s">
        <v>156</v>
      </c>
      <c r="AX35" s="84" t="s">
        <v>85</v>
      </c>
      <c r="AY35" s="33" t="s">
        <v>157</v>
      </c>
      <c r="AZ35" s="84" t="s">
        <v>86</v>
      </c>
      <c r="BA35" s="33" t="s">
        <v>158</v>
      </c>
      <c r="BB35" s="84" t="s">
        <v>87</v>
      </c>
      <c r="BC35" s="33" t="s">
        <v>301</v>
      </c>
      <c r="BD35" s="84" t="s">
        <v>300</v>
      </c>
    </row>
    <row r="36" spans="1:56" ht="92.25" customHeight="1">
      <c r="A36" s="36"/>
      <c r="B36" s="37" t="s">
        <v>74</v>
      </c>
      <c r="C36" s="38" t="s">
        <v>302</v>
      </c>
      <c r="D36" s="39" t="s">
        <v>76</v>
      </c>
      <c r="E36" s="37" t="s">
        <v>159</v>
      </c>
      <c r="F36" s="86" t="s">
        <v>88</v>
      </c>
      <c r="G36" s="37" t="s">
        <v>160</v>
      </c>
      <c r="H36" s="86" t="s">
        <v>88</v>
      </c>
      <c r="I36" s="37" t="s">
        <v>161</v>
      </c>
      <c r="J36" s="86" t="s">
        <v>88</v>
      </c>
      <c r="K36" s="37" t="s">
        <v>301</v>
      </c>
      <c r="L36" s="86" t="s">
        <v>88</v>
      </c>
      <c r="M36" s="63" t="s">
        <v>74</v>
      </c>
      <c r="N36" s="63" t="s">
        <v>302</v>
      </c>
      <c r="O36" s="63" t="s">
        <v>76</v>
      </c>
      <c r="P36" s="63" t="s">
        <v>159</v>
      </c>
      <c r="Q36" s="85" t="s">
        <v>88</v>
      </c>
      <c r="R36" s="63" t="s">
        <v>160</v>
      </c>
      <c r="S36" s="85" t="s">
        <v>88</v>
      </c>
      <c r="T36" s="63" t="s">
        <v>161</v>
      </c>
      <c r="U36" s="85" t="s">
        <v>88</v>
      </c>
      <c r="V36" s="63" t="s">
        <v>301</v>
      </c>
      <c r="W36" s="85" t="s">
        <v>88</v>
      </c>
      <c r="X36" s="37" t="s">
        <v>74</v>
      </c>
      <c r="Y36" s="38" t="s">
        <v>302</v>
      </c>
      <c r="Z36" s="39" t="s">
        <v>76</v>
      </c>
      <c r="AA36" s="37" t="s">
        <v>159</v>
      </c>
      <c r="AB36" s="86" t="s">
        <v>88</v>
      </c>
      <c r="AC36" s="37" t="s">
        <v>160</v>
      </c>
      <c r="AD36" s="86" t="s">
        <v>88</v>
      </c>
      <c r="AE36" s="37" t="s">
        <v>161</v>
      </c>
      <c r="AF36" s="86" t="s">
        <v>88</v>
      </c>
      <c r="AG36" s="37" t="s">
        <v>301</v>
      </c>
      <c r="AH36" s="86" t="s">
        <v>88</v>
      </c>
      <c r="AI36" s="63" t="s">
        <v>74</v>
      </c>
      <c r="AJ36" s="63" t="s">
        <v>302</v>
      </c>
      <c r="AK36" s="63" t="s">
        <v>76</v>
      </c>
      <c r="AL36" s="63" t="s">
        <v>159</v>
      </c>
      <c r="AM36" s="85" t="s">
        <v>88</v>
      </c>
      <c r="AN36" s="63" t="s">
        <v>160</v>
      </c>
      <c r="AO36" s="85" t="s">
        <v>88</v>
      </c>
      <c r="AP36" s="63" t="s">
        <v>161</v>
      </c>
      <c r="AQ36" s="85" t="s">
        <v>88</v>
      </c>
      <c r="AR36" s="63" t="s">
        <v>301</v>
      </c>
      <c r="AS36" s="85" t="s">
        <v>88</v>
      </c>
      <c r="AT36" s="37" t="s">
        <v>74</v>
      </c>
      <c r="AU36" s="38" t="s">
        <v>302</v>
      </c>
      <c r="AV36" s="39" t="s">
        <v>76</v>
      </c>
      <c r="AW36" s="37" t="s">
        <v>159</v>
      </c>
      <c r="AX36" s="86" t="s">
        <v>88</v>
      </c>
      <c r="AY36" s="37" t="s">
        <v>160</v>
      </c>
      <c r="AZ36" s="86" t="s">
        <v>88</v>
      </c>
      <c r="BA36" s="37" t="s">
        <v>161</v>
      </c>
      <c r="BB36" s="86" t="s">
        <v>88</v>
      </c>
      <c r="BC36" s="37" t="s">
        <v>301</v>
      </c>
      <c r="BD36" s="86" t="s">
        <v>88</v>
      </c>
    </row>
    <row r="37" spans="1:56">
      <c r="A37" s="40" t="s">
        <v>350</v>
      </c>
      <c r="B37" s="95">
        <v>14077</v>
      </c>
      <c r="C37" s="96">
        <v>5.6717195030164307</v>
      </c>
      <c r="D37" s="97">
        <v>2.2006655167935329E-2</v>
      </c>
      <c r="E37" s="88">
        <v>6.7939177629308845E-2</v>
      </c>
      <c r="F37" s="89">
        <v>4.2448158483552227E-3</v>
      </c>
      <c r="G37" s="88">
        <v>9.8358568809517877E-2</v>
      </c>
      <c r="H37" s="89">
        <v>5.0218130243042756E-3</v>
      </c>
      <c r="I37" s="88">
        <v>0.8257634858875279</v>
      </c>
      <c r="J37" s="89">
        <v>6.3944270113314647E-3</v>
      </c>
      <c r="K37" s="88">
        <v>7.9387676736491011E-3</v>
      </c>
      <c r="L37" s="89">
        <v>1.5087543635825945E-3</v>
      </c>
      <c r="M37" s="87">
        <v>13888</v>
      </c>
      <c r="N37" s="96">
        <v>4.7609655299294502</v>
      </c>
      <c r="O37" s="97">
        <v>2.4780577644294373E-2</v>
      </c>
      <c r="P37" s="88">
        <v>0.16101703319469568</v>
      </c>
      <c r="Q37" s="89">
        <v>6.2383023087637032E-3</v>
      </c>
      <c r="R37" s="88">
        <v>0.20081184660958318</v>
      </c>
      <c r="S37" s="89">
        <v>6.7988665767560385E-3</v>
      </c>
      <c r="T37" s="88">
        <v>0.55179722526924591</v>
      </c>
      <c r="U37" s="89">
        <v>8.4387086173694625E-3</v>
      </c>
      <c r="V37" s="88">
        <v>8.6373894926489211E-2</v>
      </c>
      <c r="W37" s="89">
        <v>4.7697323725509047E-3</v>
      </c>
      <c r="X37" s="95">
        <v>13988</v>
      </c>
      <c r="Y37" s="96">
        <v>5.4647883414652423</v>
      </c>
      <c r="Z37" s="97">
        <v>2.3873255796919322E-2</v>
      </c>
      <c r="AA37" s="88">
        <v>9.493294388461665E-2</v>
      </c>
      <c r="AB37" s="89">
        <v>4.9587918774402833E-3</v>
      </c>
      <c r="AC37" s="88">
        <v>0.13882229336557911</v>
      </c>
      <c r="AD37" s="89">
        <v>5.8479211209676108E-3</v>
      </c>
      <c r="AE37" s="88">
        <v>0.75480760630495358</v>
      </c>
      <c r="AF37" s="89">
        <v>7.2745355965066223E-3</v>
      </c>
      <c r="AG37" s="88">
        <v>1.1437156444856489E-2</v>
      </c>
      <c r="AH37" s="89">
        <v>1.8086573734438583E-3</v>
      </c>
      <c r="AI37" s="87">
        <v>13944</v>
      </c>
      <c r="AJ37" s="96">
        <v>5.3636066188661893</v>
      </c>
      <c r="AK37" s="97">
        <v>2.4887361890588471E-2</v>
      </c>
      <c r="AL37" s="88">
        <v>9.8959852403268211E-2</v>
      </c>
      <c r="AM37" s="89">
        <v>5.0594128305096559E-3</v>
      </c>
      <c r="AN37" s="88">
        <v>0.13544595495136738</v>
      </c>
      <c r="AO37" s="89">
        <v>5.796881252894309E-3</v>
      </c>
      <c r="AP37" s="88">
        <v>0.73981757192299402</v>
      </c>
      <c r="AQ37" s="89">
        <v>7.4304058022558496E-3</v>
      </c>
      <c r="AR37" s="88">
        <v>2.5776620722375066E-2</v>
      </c>
      <c r="AS37" s="89">
        <v>2.6904729721280692E-3</v>
      </c>
      <c r="AT37" s="95">
        <v>13946</v>
      </c>
      <c r="AU37" s="96">
        <v>5.2427828296385561</v>
      </c>
      <c r="AV37" s="97">
        <v>2.4062594200143159E-2</v>
      </c>
      <c r="AW37" s="88">
        <v>0.11644986583040216</v>
      </c>
      <c r="AX37" s="89">
        <v>5.4338286480597135E-3</v>
      </c>
      <c r="AY37" s="88">
        <v>0.16078765872578515</v>
      </c>
      <c r="AZ37" s="89">
        <v>6.2217324091287576E-3</v>
      </c>
      <c r="BA37" s="88">
        <v>0.70942705138245044</v>
      </c>
      <c r="BB37" s="89">
        <v>7.6886633308146631E-3</v>
      </c>
      <c r="BC37" s="88">
        <v>1.3335424061372461E-2</v>
      </c>
      <c r="BD37" s="89">
        <v>1.95236422490348E-3</v>
      </c>
    </row>
    <row r="38" spans="1:56">
      <c r="A38" s="44" t="s">
        <v>351</v>
      </c>
      <c r="B38" s="99">
        <v>10234</v>
      </c>
      <c r="C38" s="100">
        <v>5.8006953589647354</v>
      </c>
      <c r="D38" s="101">
        <v>2.5271619982050172E-2</v>
      </c>
      <c r="E38" s="91">
        <v>5.9659676196670029E-2</v>
      </c>
      <c r="F38" s="92">
        <v>4.6880363081661094E-3</v>
      </c>
      <c r="G38" s="91">
        <v>8.7849764391385393E-2</v>
      </c>
      <c r="H38" s="92">
        <v>5.5999641570346195E-3</v>
      </c>
      <c r="I38" s="91">
        <v>0.84853044784628484</v>
      </c>
      <c r="J38" s="92">
        <v>7.0889040262602544E-3</v>
      </c>
      <c r="K38" s="91">
        <v>3.9601115656494072E-3</v>
      </c>
      <c r="L38" s="92">
        <v>1.2712979478293133E-3</v>
      </c>
      <c r="M38" s="90">
        <v>10171</v>
      </c>
      <c r="N38" s="100">
        <v>4.9518092136617637</v>
      </c>
      <c r="O38" s="101">
        <v>2.8316101659227592E-2</v>
      </c>
      <c r="P38" s="91">
        <v>0.13800811947648678</v>
      </c>
      <c r="Q38" s="92">
        <v>6.8415520660949705E-3</v>
      </c>
      <c r="R38" s="91">
        <v>0.17956461148555583</v>
      </c>
      <c r="S38" s="92">
        <v>7.6122719028059805E-3</v>
      </c>
      <c r="T38" s="91">
        <v>0.61278144913559662</v>
      </c>
      <c r="U38" s="92">
        <v>9.6583473281565656E-3</v>
      </c>
      <c r="V38" s="91">
        <v>6.9645819902353454E-2</v>
      </c>
      <c r="W38" s="92">
        <v>5.0526803767661395E-3</v>
      </c>
      <c r="X38" s="99">
        <v>10172</v>
      </c>
      <c r="Y38" s="100">
        <v>5.5869534231471416</v>
      </c>
      <c r="Z38" s="101">
        <v>2.764728689001332E-2</v>
      </c>
      <c r="AA38" s="91">
        <v>9.1978480837174081E-2</v>
      </c>
      <c r="AB38" s="92">
        <v>5.7341967651713087E-3</v>
      </c>
      <c r="AC38" s="91">
        <v>0.1198177965089597</v>
      </c>
      <c r="AD38" s="92">
        <v>6.4420219270535962E-3</v>
      </c>
      <c r="AE38" s="91">
        <v>0.78034738616704957</v>
      </c>
      <c r="AF38" s="92">
        <v>8.2097866696426124E-3</v>
      </c>
      <c r="AG38" s="91">
        <v>7.8563364868076968E-3</v>
      </c>
      <c r="AH38" s="92">
        <v>1.7716528897605086E-3</v>
      </c>
      <c r="AI38" s="90">
        <v>10132</v>
      </c>
      <c r="AJ38" s="100">
        <v>5.3689438075203624</v>
      </c>
      <c r="AK38" s="101">
        <v>2.9776632696467912E-2</v>
      </c>
      <c r="AL38" s="91">
        <v>0.10558743794912794</v>
      </c>
      <c r="AM38" s="92">
        <v>6.1087709107046752E-3</v>
      </c>
      <c r="AN38" s="91">
        <v>0.13562741111890766</v>
      </c>
      <c r="AO38" s="92">
        <v>6.8047926543176093E-3</v>
      </c>
      <c r="AP38" s="91">
        <v>0.73746734649363577</v>
      </c>
      <c r="AQ38" s="92">
        <v>8.7419769929064986E-3</v>
      </c>
      <c r="AR38" s="91">
        <v>2.1317804438321323E-2</v>
      </c>
      <c r="AS38" s="92">
        <v>2.8817917428090381E-3</v>
      </c>
      <c r="AT38" s="99">
        <v>10137</v>
      </c>
      <c r="AU38" s="100">
        <v>5.3929460011779753</v>
      </c>
      <c r="AV38" s="101">
        <v>2.7648857802395448E-2</v>
      </c>
      <c r="AW38" s="91">
        <v>0.10402958928087169</v>
      </c>
      <c r="AX38" s="92">
        <v>6.0674023478873556E-3</v>
      </c>
      <c r="AY38" s="91">
        <v>0.13741601575282386</v>
      </c>
      <c r="AZ38" s="92">
        <v>6.8406733060973873E-3</v>
      </c>
      <c r="BA38" s="91">
        <v>0.74984691661001823</v>
      </c>
      <c r="BB38" s="92">
        <v>8.6027208045495827E-3</v>
      </c>
      <c r="BC38" s="91">
        <v>8.70747835627869E-3</v>
      </c>
      <c r="BD38" s="92">
        <v>1.86540820302059E-3</v>
      </c>
    </row>
    <row r="39" spans="1:56">
      <c r="A39" s="40" t="s">
        <v>352</v>
      </c>
      <c r="B39" s="95">
        <v>3843</v>
      </c>
      <c r="C39" s="96">
        <v>5.5695685726458244</v>
      </c>
      <c r="D39" s="97">
        <v>4.3671051724268904E-2</v>
      </c>
      <c r="E39" s="88">
        <v>7.4449882927680469E-2</v>
      </c>
      <c r="F39" s="89">
        <v>8.4875781931290414E-3</v>
      </c>
      <c r="G39" s="88">
        <v>0.10662231864534301</v>
      </c>
      <c r="H39" s="89">
        <v>9.9687910920710637E-3</v>
      </c>
      <c r="I39" s="88">
        <v>0.80786035717153071</v>
      </c>
      <c r="J39" s="89">
        <v>1.2712206754343047E-2</v>
      </c>
      <c r="K39" s="88">
        <v>1.1067441255447584E-2</v>
      </c>
      <c r="L39" s="89">
        <v>3.4491847089210535E-3</v>
      </c>
      <c r="M39" s="87">
        <v>3717</v>
      </c>
      <c r="N39" s="96">
        <v>4.601883811526486</v>
      </c>
      <c r="O39" s="97">
        <v>4.8929803325579023E-2</v>
      </c>
      <c r="P39" s="88">
        <v>0.17957361283544582</v>
      </c>
      <c r="Q39" s="89">
        <v>1.2594071914070342E-2</v>
      </c>
      <c r="R39" s="88">
        <v>0.21794764083061524</v>
      </c>
      <c r="S39" s="89">
        <v>1.3542905101077555E-2</v>
      </c>
      <c r="T39" s="88">
        <v>0.50261373834476852</v>
      </c>
      <c r="U39" s="89">
        <v>1.6393219114925386E-2</v>
      </c>
      <c r="V39" s="88">
        <v>9.9865007989171237E-2</v>
      </c>
      <c r="W39" s="89">
        <v>9.8489548838999168E-3</v>
      </c>
      <c r="X39" s="95">
        <v>3816</v>
      </c>
      <c r="Y39" s="96">
        <v>5.3680021337149011</v>
      </c>
      <c r="Z39" s="97">
        <v>4.6310427609142078E-2</v>
      </c>
      <c r="AA39" s="88">
        <v>9.7258541741567991E-2</v>
      </c>
      <c r="AB39" s="89">
        <v>9.6068707549487944E-3</v>
      </c>
      <c r="AC39" s="88">
        <v>0.15378163333786277</v>
      </c>
      <c r="AD39" s="89">
        <v>1.1684497352447126E-2</v>
      </c>
      <c r="AE39" s="88">
        <v>0.73470403541554274</v>
      </c>
      <c r="AF39" s="89">
        <v>1.4290527697099509E-2</v>
      </c>
      <c r="AG39" s="88">
        <v>1.4255789505028236E-2</v>
      </c>
      <c r="AH39" s="89">
        <v>3.902802593986324E-3</v>
      </c>
      <c r="AI39" s="87">
        <v>3812</v>
      </c>
      <c r="AJ39" s="96">
        <v>5.3593951931661827</v>
      </c>
      <c r="AK39" s="97">
        <v>4.4941211060316094E-2</v>
      </c>
      <c r="AL39" s="88">
        <v>9.3772684357470021E-2</v>
      </c>
      <c r="AM39" s="89">
        <v>9.4572380803216761E-3</v>
      </c>
      <c r="AN39" s="88">
        <v>0.13530393586651437</v>
      </c>
      <c r="AO39" s="89">
        <v>1.108739190888117E-2</v>
      </c>
      <c r="AP39" s="88">
        <v>0.74165700713861027</v>
      </c>
      <c r="AQ39" s="89">
        <v>1.4176347215489897E-2</v>
      </c>
      <c r="AR39" s="88">
        <v>2.9266372637407598E-2</v>
      </c>
      <c r="AS39" s="89">
        <v>5.5014919047469413E-3</v>
      </c>
      <c r="AT39" s="95">
        <v>3809</v>
      </c>
      <c r="AU39" s="96">
        <v>5.1237387333291071</v>
      </c>
      <c r="AV39" s="97">
        <v>4.7389960806706481E-2</v>
      </c>
      <c r="AW39" s="88">
        <v>0.12621411834361967</v>
      </c>
      <c r="AX39" s="89">
        <v>1.0770334328048033E-2</v>
      </c>
      <c r="AY39" s="88">
        <v>0.17916137389442194</v>
      </c>
      <c r="AZ39" s="89">
        <v>1.2429858142465144E-2</v>
      </c>
      <c r="BA39" s="88">
        <v>0.67765080477001594</v>
      </c>
      <c r="BB39" s="89">
        <v>1.5140096599956869E-2</v>
      </c>
      <c r="BC39" s="88">
        <v>1.6973702991942313E-2</v>
      </c>
      <c r="BD39" s="89">
        <v>4.2446619666232479E-3</v>
      </c>
    </row>
    <row r="40" spans="1:56">
      <c r="A40" s="44" t="s">
        <v>534</v>
      </c>
      <c r="B40" s="99">
        <v>3236</v>
      </c>
      <c r="C40" s="100">
        <v>5.7395239233640245</v>
      </c>
      <c r="D40" s="101">
        <v>4.3549116083071486E-2</v>
      </c>
      <c r="E40" s="91">
        <v>6.3733022838043038E-2</v>
      </c>
      <c r="F40" s="92">
        <v>8.6167209244734245E-3</v>
      </c>
      <c r="G40" s="91">
        <v>8.6067135587943933E-2</v>
      </c>
      <c r="H40" s="92">
        <v>9.8809197206454168E-3</v>
      </c>
      <c r="I40" s="91">
        <v>0.83667867593975809</v>
      </c>
      <c r="J40" s="92">
        <v>1.3001765273901204E-2</v>
      </c>
      <c r="K40" s="91">
        <v>1.3521165634254586E-2</v>
      </c>
      <c r="L40" s="92">
        <v>4.1458491472646805E-3</v>
      </c>
      <c r="M40" s="90">
        <v>3199</v>
      </c>
      <c r="N40" s="100">
        <v>4.7824844778288229</v>
      </c>
      <c r="O40" s="101">
        <v>4.9785501217486719E-2</v>
      </c>
      <c r="P40" s="91">
        <v>0.1539508214428221</v>
      </c>
      <c r="Q40" s="92">
        <v>1.2768447390341069E-2</v>
      </c>
      <c r="R40" s="91">
        <v>0.20682840027796234</v>
      </c>
      <c r="S40" s="92">
        <v>1.4322669864115688E-2</v>
      </c>
      <c r="T40" s="91">
        <v>0.5501402825742383</v>
      </c>
      <c r="U40" s="92">
        <v>1.7580543959557812E-2</v>
      </c>
      <c r="V40" s="91">
        <v>8.9080495704972618E-2</v>
      </c>
      <c r="W40" s="92">
        <v>1.0092710380566035E-2</v>
      </c>
      <c r="X40" s="99">
        <v>3217</v>
      </c>
      <c r="Y40" s="100">
        <v>5.5626913788116683</v>
      </c>
      <c r="Z40" s="101">
        <v>4.729910741243238E-2</v>
      </c>
      <c r="AA40" s="91">
        <v>7.974637581232133E-2</v>
      </c>
      <c r="AB40" s="92">
        <v>9.5749643207973627E-3</v>
      </c>
      <c r="AC40" s="91">
        <v>0.12195532036590821</v>
      </c>
      <c r="AD40" s="92">
        <v>1.1550784955022628E-2</v>
      </c>
      <c r="AE40" s="91">
        <v>0.78153230785570504</v>
      </c>
      <c r="AF40" s="92">
        <v>1.4569739221276849E-2</v>
      </c>
      <c r="AG40" s="91">
        <v>1.6765995966063818E-2</v>
      </c>
      <c r="AH40" s="92">
        <v>4.6034312010880696E-3</v>
      </c>
      <c r="AI40" s="90">
        <v>3211</v>
      </c>
      <c r="AJ40" s="100">
        <v>5.4618100752768264</v>
      </c>
      <c r="AK40" s="101">
        <v>5.1869379343943998E-2</v>
      </c>
      <c r="AL40" s="91">
        <v>8.5907319308509075E-2</v>
      </c>
      <c r="AM40" s="92">
        <v>9.9111868344336686E-3</v>
      </c>
      <c r="AN40" s="91">
        <v>0.11947367116914447</v>
      </c>
      <c r="AO40" s="92">
        <v>1.1460110040934042E-2</v>
      </c>
      <c r="AP40" s="91">
        <v>0.75926780914838798</v>
      </c>
      <c r="AQ40" s="92">
        <v>1.5086989421142963E-2</v>
      </c>
      <c r="AR40" s="91">
        <v>3.5351200373956421E-2</v>
      </c>
      <c r="AS40" s="92">
        <v>6.5647521777754099E-3</v>
      </c>
      <c r="AT40" s="99">
        <v>3204</v>
      </c>
      <c r="AU40" s="100">
        <v>5.2976357742018605</v>
      </c>
      <c r="AV40" s="101">
        <v>4.8672993572069993E-2</v>
      </c>
      <c r="AW40" s="91">
        <v>0.10701357040464803</v>
      </c>
      <c r="AX40" s="92">
        <v>1.0937738044329482E-2</v>
      </c>
      <c r="AY40" s="91">
        <v>0.14916649266545201</v>
      </c>
      <c r="AZ40" s="92">
        <v>1.2594906631322331E-2</v>
      </c>
      <c r="BA40" s="91">
        <v>0.72690760576968316</v>
      </c>
      <c r="BB40" s="92">
        <v>1.573792752923964E-2</v>
      </c>
      <c r="BC40" s="91">
        <v>1.6912331160214403E-2</v>
      </c>
      <c r="BD40" s="92">
        <v>4.6320902619396117E-3</v>
      </c>
    </row>
    <row r="41" spans="1:56">
      <c r="A41" s="40" t="s">
        <v>535</v>
      </c>
      <c r="B41" s="95">
        <v>2520</v>
      </c>
      <c r="C41" s="96">
        <v>5.9042502177147016</v>
      </c>
      <c r="D41" s="97">
        <v>4.8260658491983917E-2</v>
      </c>
      <c r="E41" s="88">
        <v>5.1822506385269376E-2</v>
      </c>
      <c r="F41" s="89">
        <v>8.8814234548745385E-3</v>
      </c>
      <c r="G41" s="88">
        <v>8.1298490624236941E-2</v>
      </c>
      <c r="H41" s="89">
        <v>1.0919984620498426E-2</v>
      </c>
      <c r="I41" s="88">
        <v>0.86598846355646197</v>
      </c>
      <c r="J41" s="89">
        <v>1.3586412094564434E-2</v>
      </c>
      <c r="K41" s="88">
        <v>8.9053943403535245E-4</v>
      </c>
      <c r="L41" s="89">
        <v>1.6310641491168335E-3</v>
      </c>
      <c r="M41" s="87">
        <v>2511</v>
      </c>
      <c r="N41" s="96">
        <v>5.1736161207918743</v>
      </c>
      <c r="O41" s="97">
        <v>5.4242759341084683E-2</v>
      </c>
      <c r="P41" s="88">
        <v>0.1085685788770996</v>
      </c>
      <c r="Q41" s="89">
        <v>1.243789694854755E-2</v>
      </c>
      <c r="R41" s="88">
        <v>0.14430876546203111</v>
      </c>
      <c r="S41" s="89">
        <v>1.4036921665137703E-2</v>
      </c>
      <c r="T41" s="88">
        <v>0.67640656985474545</v>
      </c>
      <c r="U41" s="89">
        <v>1.8662200925684221E-2</v>
      </c>
      <c r="V41" s="88">
        <v>7.0716085806127496E-2</v>
      </c>
      <c r="W41" s="89">
        <v>1.0268835569923222E-2</v>
      </c>
      <c r="X41" s="95">
        <v>2504</v>
      </c>
      <c r="Y41" s="96">
        <v>5.7621046511095608</v>
      </c>
      <c r="Z41" s="97">
        <v>5.27928784018772E-2</v>
      </c>
      <c r="AA41" s="88">
        <v>7.6311121796248729E-2</v>
      </c>
      <c r="AB41" s="89">
        <v>1.0645804316860394E-2</v>
      </c>
      <c r="AC41" s="88">
        <v>9.2061722502833357E-2</v>
      </c>
      <c r="AD41" s="89">
        <v>1.1582638622675031E-2</v>
      </c>
      <c r="AE41" s="88">
        <v>0.82741539924176311</v>
      </c>
      <c r="AF41" s="89">
        <v>1.5109427125694731E-2</v>
      </c>
      <c r="AG41" s="88">
        <v>4.2117564591571902E-3</v>
      </c>
      <c r="AH41" s="89">
        <v>2.8175408732204134E-3</v>
      </c>
      <c r="AI41" s="87">
        <v>2499</v>
      </c>
      <c r="AJ41" s="96">
        <v>5.4147932520256958</v>
      </c>
      <c r="AK41" s="97">
        <v>5.9357665980560172E-2</v>
      </c>
      <c r="AL41" s="88">
        <v>9.8658218119691291E-2</v>
      </c>
      <c r="AM41" s="89">
        <v>1.1955382874870539E-2</v>
      </c>
      <c r="AN41" s="88">
        <v>0.12166004319773942</v>
      </c>
      <c r="AO41" s="89">
        <v>1.3095794087971015E-2</v>
      </c>
      <c r="AP41" s="88">
        <v>0.75148719575770562</v>
      </c>
      <c r="AQ41" s="89">
        <v>1.7285003643774329E-2</v>
      </c>
      <c r="AR41" s="88">
        <v>2.8194542924866121E-2</v>
      </c>
      <c r="AS41" s="89">
        <v>6.7024553693348877E-3</v>
      </c>
      <c r="AT41" s="95">
        <v>2496</v>
      </c>
      <c r="AU41" s="96">
        <v>5.5745255418883755</v>
      </c>
      <c r="AV41" s="97">
        <v>5.3544006192415956E-2</v>
      </c>
      <c r="AW41" s="88">
        <v>8.4437184025141401E-2</v>
      </c>
      <c r="AX41" s="89">
        <v>1.1161341836122076E-2</v>
      </c>
      <c r="AY41" s="88">
        <v>0.11044124582682455</v>
      </c>
      <c r="AZ41" s="89">
        <v>1.2568481711015005E-2</v>
      </c>
      <c r="BA41" s="88">
        <v>0.80104971912865475</v>
      </c>
      <c r="BB41" s="89">
        <v>1.5982933577248372E-2</v>
      </c>
      <c r="BC41" s="88">
        <v>4.0718510193808767E-3</v>
      </c>
      <c r="BD41" s="89">
        <v>2.7832828279698851E-3</v>
      </c>
    </row>
    <row r="42" spans="1:56">
      <c r="A42" s="44" t="s">
        <v>536</v>
      </c>
      <c r="B42" s="99">
        <v>370</v>
      </c>
      <c r="C42" s="100">
        <v>5.7992400418865371</v>
      </c>
      <c r="D42" s="101">
        <v>0.12633467092065825</v>
      </c>
      <c r="E42" s="91">
        <v>6.0492409087353177E-2</v>
      </c>
      <c r="F42" s="92">
        <v>2.5530289134976056E-2</v>
      </c>
      <c r="G42" s="91">
        <v>8.8454966798074269E-2</v>
      </c>
      <c r="H42" s="92">
        <v>3.0015002492698031E-2</v>
      </c>
      <c r="I42" s="91">
        <v>0.85105262411457305</v>
      </c>
      <c r="J42" s="92">
        <v>3.7199284688247916E-2</v>
      </c>
      <c r="K42" s="91">
        <v>0</v>
      </c>
      <c r="L42" s="92">
        <v>7.5423913041997494E-3</v>
      </c>
      <c r="M42" s="90">
        <v>366</v>
      </c>
      <c r="N42" s="100">
        <v>4.9921156746623776</v>
      </c>
      <c r="O42" s="101">
        <v>0.14401164403258351</v>
      </c>
      <c r="P42" s="91">
        <v>0.12894848143173893</v>
      </c>
      <c r="Q42" s="92">
        <v>3.5302787226421793E-2</v>
      </c>
      <c r="R42" s="91">
        <v>0.17831471267138144</v>
      </c>
      <c r="S42" s="92">
        <v>4.0100403430335392E-2</v>
      </c>
      <c r="T42" s="91">
        <v>0.67013257364966605</v>
      </c>
      <c r="U42" s="92">
        <v>4.8954183136352247E-2</v>
      </c>
      <c r="V42" s="91">
        <v>2.2604232247213495E-2</v>
      </c>
      <c r="W42" s="92">
        <v>1.7083058619358254E-2</v>
      </c>
      <c r="X42" s="99">
        <v>365</v>
      </c>
      <c r="Y42" s="100">
        <v>5.5667056745853101</v>
      </c>
      <c r="Z42" s="101">
        <v>0.14186770697023246</v>
      </c>
      <c r="AA42" s="91">
        <v>8.4604821109771466E-2</v>
      </c>
      <c r="AB42" s="92">
        <v>2.9662520727907298E-2</v>
      </c>
      <c r="AC42" s="91">
        <v>0.13158565099337202</v>
      </c>
      <c r="AD42" s="92">
        <v>3.5643150854855962E-2</v>
      </c>
      <c r="AE42" s="91">
        <v>0.78365871201378112</v>
      </c>
      <c r="AF42" s="92">
        <v>4.3088453736744449E-2</v>
      </c>
      <c r="AG42" s="91">
        <v>1.5081588307540682E-4</v>
      </c>
      <c r="AH42" s="92">
        <v>7.7482186725448604E-3</v>
      </c>
      <c r="AI42" s="90">
        <v>366</v>
      </c>
      <c r="AJ42" s="100">
        <v>5.0251369233825862</v>
      </c>
      <c r="AK42" s="101">
        <v>0.16199470263342325</v>
      </c>
      <c r="AL42" s="91">
        <v>0.15099485001601737</v>
      </c>
      <c r="AM42" s="92">
        <v>3.7606034938081012E-2</v>
      </c>
      <c r="AN42" s="91">
        <v>0.1862550133287674</v>
      </c>
      <c r="AO42" s="92">
        <v>4.0760463477692244E-2</v>
      </c>
      <c r="AP42" s="91">
        <v>0.63643615337674719</v>
      </c>
      <c r="AQ42" s="92">
        <v>5.0057856596376599E-2</v>
      </c>
      <c r="AR42" s="91">
        <v>2.6313983278467203E-2</v>
      </c>
      <c r="AS42" s="92">
        <v>1.8142606094799344E-2</v>
      </c>
      <c r="AT42" s="99">
        <v>365</v>
      </c>
      <c r="AU42" s="100">
        <v>5.4461252329870531</v>
      </c>
      <c r="AV42" s="101">
        <v>0.14180818706102619</v>
      </c>
      <c r="AW42" s="91">
        <v>8.3618759436716608E-2</v>
      </c>
      <c r="AX42" s="92">
        <v>2.9515520937589825E-2</v>
      </c>
      <c r="AY42" s="91">
        <v>0.11699347707755424</v>
      </c>
      <c r="AZ42" s="92">
        <v>3.3972589514950191E-2</v>
      </c>
      <c r="BA42" s="91">
        <v>0.79408591243710791</v>
      </c>
      <c r="BB42" s="92">
        <v>4.2340516622535747E-2</v>
      </c>
      <c r="BC42" s="91">
        <v>5.3018510486217167E-3</v>
      </c>
      <c r="BD42" s="92">
        <v>1.0694426523098868E-2</v>
      </c>
    </row>
    <row r="43" spans="1:56">
      <c r="A43" s="40" t="s">
        <v>537</v>
      </c>
      <c r="B43" s="95">
        <v>86</v>
      </c>
      <c r="C43" s="96">
        <v>5.8516902588609589</v>
      </c>
      <c r="D43" s="97">
        <v>0.26436515864295951</v>
      </c>
      <c r="E43" s="88">
        <v>8.7493717527912657E-2</v>
      </c>
      <c r="F43" s="89">
        <v>6.4851250751202391E-2</v>
      </c>
      <c r="G43" s="88">
        <v>4.2757348763954851E-2</v>
      </c>
      <c r="H43" s="89">
        <v>5.1251126081328285E-2</v>
      </c>
      <c r="I43" s="88">
        <v>0.86974893370813244</v>
      </c>
      <c r="J43" s="89">
        <v>7.4585686158496978E-2</v>
      </c>
      <c r="K43" s="88">
        <v>0</v>
      </c>
      <c r="L43" s="89">
        <v>3.1075817723560044E-2</v>
      </c>
      <c r="M43" s="87">
        <v>86</v>
      </c>
      <c r="N43" s="96">
        <v>5.0896970634358798</v>
      </c>
      <c r="O43" s="97">
        <v>0.28480566907502264</v>
      </c>
      <c r="P43" s="88">
        <v>0.12171692282419126</v>
      </c>
      <c r="Q43" s="89">
        <v>7.2828285269652293E-2</v>
      </c>
      <c r="R43" s="88">
        <v>0.20852178735962792</v>
      </c>
      <c r="S43" s="89">
        <v>8.7540362776240527E-2</v>
      </c>
      <c r="T43" s="88">
        <v>0.63203364068392698</v>
      </c>
      <c r="U43" s="89">
        <v>0.10199831631291263</v>
      </c>
      <c r="V43" s="88">
        <v>3.7727649132254529E-2</v>
      </c>
      <c r="W43" s="89">
        <v>4.9386158333452918E-2</v>
      </c>
      <c r="X43" s="95">
        <v>85</v>
      </c>
      <c r="Y43" s="96">
        <v>5.4680341621251864</v>
      </c>
      <c r="Z43" s="97">
        <v>0.31660680791624779</v>
      </c>
      <c r="AA43" s="88">
        <v>0.10690556248446112</v>
      </c>
      <c r="AB43" s="89">
        <v>7.0009425882373383E-2</v>
      </c>
      <c r="AC43" s="88">
        <v>0.15186010824609225</v>
      </c>
      <c r="AD43" s="89">
        <v>7.9166529599843674E-2</v>
      </c>
      <c r="AE43" s="88">
        <v>0.74123432926944743</v>
      </c>
      <c r="AF43" s="89">
        <v>9.4076079916721678E-2</v>
      </c>
      <c r="AG43" s="88">
        <v>0</v>
      </c>
      <c r="AH43" s="89">
        <v>3.1420971575578778E-2</v>
      </c>
      <c r="AI43" s="87">
        <v>86</v>
      </c>
      <c r="AJ43" s="96">
        <v>5.101471131698597</v>
      </c>
      <c r="AK43" s="97">
        <v>0.33231601107798409</v>
      </c>
      <c r="AL43" s="88">
        <v>0.14144272175923248</v>
      </c>
      <c r="AM43" s="89">
        <v>7.6771110540028539E-2</v>
      </c>
      <c r="AN43" s="88">
        <v>0.16595395979724331</v>
      </c>
      <c r="AO43" s="89">
        <v>8.1134085885775836E-2</v>
      </c>
      <c r="AP43" s="88">
        <v>0.69260331844352507</v>
      </c>
      <c r="AQ43" s="89">
        <v>9.800864161990766E-2</v>
      </c>
      <c r="AR43" s="88">
        <v>0</v>
      </c>
      <c r="AS43" s="89">
        <v>3.1075817723560044E-2</v>
      </c>
      <c r="AT43" s="95">
        <v>85</v>
      </c>
      <c r="AU43" s="96">
        <v>5.4912102150238322</v>
      </c>
      <c r="AV43" s="97">
        <v>0.30102900801720106</v>
      </c>
      <c r="AW43" s="88">
        <v>8.8954352701905576E-2</v>
      </c>
      <c r="AX43" s="89">
        <v>6.5647157497899775E-2</v>
      </c>
      <c r="AY43" s="88">
        <v>0.13711820835589492</v>
      </c>
      <c r="AZ43" s="89">
        <v>7.6404454214887743E-2</v>
      </c>
      <c r="BA43" s="88">
        <v>0.77392743894220029</v>
      </c>
      <c r="BB43" s="89">
        <v>9.0331976915340131E-2</v>
      </c>
      <c r="BC43" s="88">
        <v>0</v>
      </c>
      <c r="BD43" s="89">
        <v>3.1420971575578778E-2</v>
      </c>
    </row>
    <row r="44" spans="1:56">
      <c r="A44" s="44" t="s">
        <v>538</v>
      </c>
      <c r="B44" s="99">
        <v>65</v>
      </c>
      <c r="C44" s="100">
        <v>5.9857041665468449</v>
      </c>
      <c r="D44" s="101">
        <v>0.28181144814874415</v>
      </c>
      <c r="E44" s="91">
        <v>7.5923557712318984E-2</v>
      </c>
      <c r="F44" s="92">
        <v>7.239421134549423E-2</v>
      </c>
      <c r="G44" s="91">
        <v>2.6946395904049729E-2</v>
      </c>
      <c r="H44" s="92">
        <v>5.4594005524132148E-2</v>
      </c>
      <c r="I44" s="91">
        <v>0.89713004638363114</v>
      </c>
      <c r="J44" s="92">
        <v>7.9870617597345012E-2</v>
      </c>
      <c r="K44" s="91">
        <v>0</v>
      </c>
      <c r="L44" s="92">
        <v>4.0393246397800862E-2</v>
      </c>
      <c r="M44" s="90">
        <v>63</v>
      </c>
      <c r="N44" s="100">
        <v>5.0404283053340917</v>
      </c>
      <c r="O44" s="101">
        <v>0.34390182762427196</v>
      </c>
      <c r="P44" s="91">
        <v>0.1581191290372024</v>
      </c>
      <c r="Q44" s="92">
        <v>9.3571584014384104E-2</v>
      </c>
      <c r="R44" s="91">
        <v>8.6760286445743587E-2</v>
      </c>
      <c r="S44" s="92">
        <v>7.6885018377988293E-2</v>
      </c>
      <c r="T44" s="91">
        <v>0.7136513710958704</v>
      </c>
      <c r="U44" s="92">
        <v>0.11187433539823642</v>
      </c>
      <c r="V44" s="91">
        <v>4.1469213421183308E-2</v>
      </c>
      <c r="W44" s="92">
        <v>6.1863916057545439E-2</v>
      </c>
      <c r="X44" s="99">
        <v>63</v>
      </c>
      <c r="Y44" s="100">
        <v>5.6888410317045643</v>
      </c>
      <c r="Z44" s="101">
        <v>0.33104591501702962</v>
      </c>
      <c r="AA44" s="91">
        <v>5.8417079416677585E-2</v>
      </c>
      <c r="AB44" s="92">
        <v>6.806167087315447E-2</v>
      </c>
      <c r="AC44" s="91">
        <v>0.10683410275480258</v>
      </c>
      <c r="AD44" s="92">
        <v>8.2254377637528672E-2</v>
      </c>
      <c r="AE44" s="91">
        <v>0.83474881782851962</v>
      </c>
      <c r="AF44" s="92">
        <v>9.4922982617335491E-2</v>
      </c>
      <c r="AG44" s="91">
        <v>0</v>
      </c>
      <c r="AH44" s="92">
        <v>4.1580477060619639E-2</v>
      </c>
      <c r="AI44" s="90">
        <v>64</v>
      </c>
      <c r="AJ44" s="100">
        <v>4.8699586493307185</v>
      </c>
      <c r="AK44" s="101">
        <v>0.44535595551391238</v>
      </c>
      <c r="AL44" s="91">
        <v>0.23152314047893477</v>
      </c>
      <c r="AM44" s="92">
        <v>0.10464245681235597</v>
      </c>
      <c r="AN44" s="91">
        <v>4.9851772676866885E-2</v>
      </c>
      <c r="AO44" s="92">
        <v>6.4399783689390075E-2</v>
      </c>
      <c r="AP44" s="91">
        <v>0.61177041877575045</v>
      </c>
      <c r="AQ44" s="92">
        <v>0.11855350422081803</v>
      </c>
      <c r="AR44" s="91">
        <v>0.10685466806844753</v>
      </c>
      <c r="AS44" s="92">
        <v>8.1560457201459075E-2</v>
      </c>
      <c r="AT44" s="99">
        <v>64</v>
      </c>
      <c r="AU44" s="100">
        <v>5.2493448974611505</v>
      </c>
      <c r="AV44" s="101">
        <v>0.36275325181232293</v>
      </c>
      <c r="AW44" s="91">
        <v>8.677934372457613E-2</v>
      </c>
      <c r="AX44" s="92">
        <v>7.6214188791930731E-2</v>
      </c>
      <c r="AY44" s="91">
        <v>0.12078492503474647</v>
      </c>
      <c r="AZ44" s="92">
        <v>8.4927810596284528E-2</v>
      </c>
      <c r="BA44" s="91">
        <v>0.76694388088689192</v>
      </c>
      <c r="BB44" s="92">
        <v>0.10484661327135233</v>
      </c>
      <c r="BC44" s="91">
        <v>2.5491850353785196E-2</v>
      </c>
      <c r="BD44" s="92">
        <v>5.4531209168010589E-2</v>
      </c>
    </row>
    <row r="45" spans="1:56">
      <c r="A45" s="40" t="s">
        <v>539</v>
      </c>
      <c r="B45" s="95">
        <v>65</v>
      </c>
      <c r="C45" s="96">
        <v>5.4426840298673742</v>
      </c>
      <c r="D45" s="97">
        <v>0.32195497498432879</v>
      </c>
      <c r="E45" s="88">
        <v>5.1445340749442188E-2</v>
      </c>
      <c r="F45" s="89">
        <v>6.4358703922741817E-2</v>
      </c>
      <c r="G45" s="88">
        <v>0.14869244293971187</v>
      </c>
      <c r="H45" s="89">
        <v>9.0242012061154259E-2</v>
      </c>
      <c r="I45" s="88">
        <v>0.79986221631084631</v>
      </c>
      <c r="J45" s="89">
        <v>9.9332751106344402E-2</v>
      </c>
      <c r="K45" s="88">
        <v>0</v>
      </c>
      <c r="L45" s="89">
        <v>4.0393246397800862E-2</v>
      </c>
      <c r="M45" s="87">
        <v>64</v>
      </c>
      <c r="N45" s="96">
        <v>4.8897901569079645</v>
      </c>
      <c r="O45" s="97">
        <v>0.3409382479113906</v>
      </c>
      <c r="P45" s="88">
        <v>8.8410189687978147E-2</v>
      </c>
      <c r="Q45" s="89">
        <v>7.6672636962114932E-2</v>
      </c>
      <c r="R45" s="88">
        <v>0.25245367969013427</v>
      </c>
      <c r="S45" s="89">
        <v>0.10729785261538893</v>
      </c>
      <c r="T45" s="88">
        <v>0.65913613062188792</v>
      </c>
      <c r="U45" s="89">
        <v>0.11569925388142836</v>
      </c>
      <c r="V45" s="88">
        <v>0</v>
      </c>
      <c r="W45" s="89">
        <v>4.097826741289623E-2</v>
      </c>
      <c r="X45" s="95">
        <v>65</v>
      </c>
      <c r="Y45" s="96">
        <v>5.3608853121320816</v>
      </c>
      <c r="Z45" s="97">
        <v>0.32657550811412661</v>
      </c>
      <c r="AA45" s="88">
        <v>9.8082294315177468E-2</v>
      </c>
      <c r="AB45" s="89">
        <v>7.8628944310395826E-2</v>
      </c>
      <c r="AC45" s="88">
        <v>0.18735474930997245</v>
      </c>
      <c r="AD45" s="89">
        <v>9.7284118887049242E-2</v>
      </c>
      <c r="AE45" s="88">
        <v>0.71388249278329241</v>
      </c>
      <c r="AF45" s="89">
        <v>0.11017887856905158</v>
      </c>
      <c r="AG45" s="88">
        <v>6.8046359155808254E-4</v>
      </c>
      <c r="AH45" s="89">
        <v>4.0823971906433408E-2</v>
      </c>
      <c r="AI45" s="87">
        <v>64</v>
      </c>
      <c r="AJ45" s="96">
        <v>4.7450913000097019</v>
      </c>
      <c r="AK45" s="97">
        <v>0.34413282238469084</v>
      </c>
      <c r="AL45" s="88">
        <v>0.12467699385265142</v>
      </c>
      <c r="AM45" s="89">
        <v>8.5823978965394995E-2</v>
      </c>
      <c r="AN45" s="88">
        <v>0.35588737839617784</v>
      </c>
      <c r="AO45" s="89">
        <v>0.1167206408336512</v>
      </c>
      <c r="AP45" s="88">
        <v>0.50596348977304828</v>
      </c>
      <c r="AQ45" s="89">
        <v>0.12126017183306285</v>
      </c>
      <c r="AR45" s="88">
        <v>1.3472137978122412E-2</v>
      </c>
      <c r="AS45" s="89">
        <v>4.8700607561613547E-2</v>
      </c>
      <c r="AT45" s="95">
        <v>65</v>
      </c>
      <c r="AU45" s="96">
        <v>5.2886524292018029</v>
      </c>
      <c r="AV45" s="97">
        <v>0.31410743494063631</v>
      </c>
      <c r="AW45" s="88">
        <v>8.6092853287413215E-2</v>
      </c>
      <c r="AX45" s="89">
        <v>7.5361243770185243E-2</v>
      </c>
      <c r="AY45" s="88">
        <v>0.15190561910328507</v>
      </c>
      <c r="AZ45" s="89">
        <v>9.0880317880782893E-2</v>
      </c>
      <c r="BA45" s="88">
        <v>0.76000257193844423</v>
      </c>
      <c r="BB45" s="89">
        <v>0.10495252623089876</v>
      </c>
      <c r="BC45" s="88">
        <v>1.9989556708579046E-3</v>
      </c>
      <c r="BD45" s="89">
        <v>4.1644257470486522E-2</v>
      </c>
    </row>
    <row r="46" spans="1:56">
      <c r="A46" s="44" t="s">
        <v>540</v>
      </c>
      <c r="B46" s="99">
        <v>77</v>
      </c>
      <c r="C46" s="100">
        <v>5.93562625583274</v>
      </c>
      <c r="D46" s="101">
        <v>0.24692911673339599</v>
      </c>
      <c r="E46" s="91">
        <v>1.8503344270700616E-2</v>
      </c>
      <c r="F46" s="92">
        <v>4.4717647845000458E-2</v>
      </c>
      <c r="G46" s="91">
        <v>0.10762561447230844</v>
      </c>
      <c r="H46" s="92">
        <v>7.3994523317366848E-2</v>
      </c>
      <c r="I46" s="91">
        <v>0.87387104125699067</v>
      </c>
      <c r="J46" s="92">
        <v>7.815304988350083E-2</v>
      </c>
      <c r="K46" s="91">
        <v>0</v>
      </c>
      <c r="L46" s="92">
        <v>3.4485061975244265E-2</v>
      </c>
      <c r="M46" s="90">
        <v>76</v>
      </c>
      <c r="N46" s="100">
        <v>5.1122948417421989</v>
      </c>
      <c r="O46" s="101">
        <v>0.30004497830004073</v>
      </c>
      <c r="P46" s="91">
        <v>0.13769362301515606</v>
      </c>
      <c r="Q46" s="92">
        <v>8.1096398039461295E-2</v>
      </c>
      <c r="R46" s="91">
        <v>0.13429073610872591</v>
      </c>
      <c r="S46" s="92">
        <v>8.0404198494062634E-2</v>
      </c>
      <c r="T46" s="91">
        <v>0.70308104132242932</v>
      </c>
      <c r="U46" s="92">
        <v>0.1031453287397196</v>
      </c>
      <c r="V46" s="91">
        <v>2.4934599553688121E-2</v>
      </c>
      <c r="W46" s="92">
        <v>4.8123466693575687E-2</v>
      </c>
      <c r="X46" s="99">
        <v>76</v>
      </c>
      <c r="Y46" s="100">
        <v>5.6576963191261287</v>
      </c>
      <c r="Z46" s="101">
        <v>0.30582734916565518</v>
      </c>
      <c r="AA46" s="91">
        <v>6.6497821055964565E-2</v>
      </c>
      <c r="AB46" s="92">
        <v>6.3402864453360089E-2</v>
      </c>
      <c r="AC46" s="91">
        <v>0.142262946750569</v>
      </c>
      <c r="AD46" s="92">
        <v>8.2006658620200915E-2</v>
      </c>
      <c r="AE46" s="91">
        <v>0.79123923219346604</v>
      </c>
      <c r="AF46" s="92">
        <v>9.3126174607975482E-2</v>
      </c>
      <c r="AG46" s="91">
        <v>0</v>
      </c>
      <c r="AH46" s="92">
        <v>3.4910600109422353E-2</v>
      </c>
      <c r="AI46" s="90">
        <v>76</v>
      </c>
      <c r="AJ46" s="100">
        <v>5.4599203931650875</v>
      </c>
      <c r="AK46" s="101">
        <v>0.30175154587082964</v>
      </c>
      <c r="AL46" s="91">
        <v>6.7123239933783579E-2</v>
      </c>
      <c r="AM46" s="92">
        <v>6.3595394413276579E-2</v>
      </c>
      <c r="AN46" s="91">
        <v>0.17148109655993193</v>
      </c>
      <c r="AO46" s="92">
        <v>8.7349294616352824E-2</v>
      </c>
      <c r="AP46" s="91">
        <v>0.73714610339687914</v>
      </c>
      <c r="AQ46" s="92">
        <v>9.9811060858358336E-2</v>
      </c>
      <c r="AR46" s="91">
        <v>2.4249560109404857E-2</v>
      </c>
      <c r="AS46" s="92">
        <v>4.7817110351251073E-2</v>
      </c>
      <c r="AT46" s="99">
        <v>76</v>
      </c>
      <c r="AU46" s="100">
        <v>5.7256149189849763</v>
      </c>
      <c r="AV46" s="101">
        <v>0.29494610532272675</v>
      </c>
      <c r="AW46" s="91">
        <v>4.0498755548223853E-2</v>
      </c>
      <c r="AX46" s="92">
        <v>5.4518296116262806E-2</v>
      </c>
      <c r="AY46" s="91">
        <v>9.0284686348080567E-2</v>
      </c>
      <c r="AZ46" s="92">
        <v>7.0178472122010505E-2</v>
      </c>
      <c r="BA46" s="91">
        <v>0.86769664253098899</v>
      </c>
      <c r="BB46" s="92">
        <v>7.9994143258107622E-2</v>
      </c>
      <c r="BC46" s="91">
        <v>1.5199155727062231E-3</v>
      </c>
      <c r="BD46" s="92">
        <v>3.5878014786213892E-2</v>
      </c>
    </row>
    <row r="47" spans="1:56">
      <c r="A47" s="40" t="s">
        <v>541</v>
      </c>
      <c r="B47" s="95">
        <v>77</v>
      </c>
      <c r="C47" s="96">
        <v>5.8433913408760834</v>
      </c>
      <c r="D47" s="97">
        <v>0.29098922341329186</v>
      </c>
      <c r="E47" s="88">
        <v>6.2060351273694019E-2</v>
      </c>
      <c r="F47" s="89">
        <v>6.1537296339287548E-2</v>
      </c>
      <c r="G47" s="88">
        <v>0.11168965640172511</v>
      </c>
      <c r="H47" s="89">
        <v>7.494514967864993E-2</v>
      </c>
      <c r="I47" s="88">
        <v>0.82624999232458241</v>
      </c>
      <c r="J47" s="89">
        <v>8.7153582085581438E-2</v>
      </c>
      <c r="K47" s="88">
        <v>0</v>
      </c>
      <c r="L47" s="89">
        <v>3.4485061975244265E-2</v>
      </c>
      <c r="M47" s="87">
        <v>77</v>
      </c>
      <c r="N47" s="96">
        <v>4.8625478658072305</v>
      </c>
      <c r="O47" s="97">
        <v>0.34825021518017446</v>
      </c>
      <c r="P47" s="88">
        <v>0.14735463308877947</v>
      </c>
      <c r="Q47" s="89">
        <v>8.2438251801948137E-2</v>
      </c>
      <c r="R47" s="88">
        <v>0.1804039042918773</v>
      </c>
      <c r="S47" s="89">
        <v>8.824693557778189E-2</v>
      </c>
      <c r="T47" s="88">
        <v>0.66001513898681063</v>
      </c>
      <c r="U47" s="89">
        <v>0.10584442053884771</v>
      </c>
      <c r="V47" s="88">
        <v>1.2226323632533665E-2</v>
      </c>
      <c r="W47" s="89">
        <v>4.1571127410077242E-2</v>
      </c>
      <c r="X47" s="95">
        <v>76</v>
      </c>
      <c r="Y47" s="96">
        <v>5.7161832565718731</v>
      </c>
      <c r="Z47" s="97">
        <v>0.30314792259427159</v>
      </c>
      <c r="AA47" s="88">
        <v>8.2744998711496209E-2</v>
      </c>
      <c r="AB47" s="89">
        <v>6.8144399318471854E-2</v>
      </c>
      <c r="AC47" s="88">
        <v>6.2058829990052418E-2</v>
      </c>
      <c r="AD47" s="89">
        <v>6.2011005990191839E-2</v>
      </c>
      <c r="AE47" s="88">
        <v>0.85519617129845271</v>
      </c>
      <c r="AF47" s="89">
        <v>8.2503545713249651E-2</v>
      </c>
      <c r="AG47" s="88">
        <v>0</v>
      </c>
      <c r="AH47" s="89">
        <v>3.4910600109422353E-2</v>
      </c>
      <c r="AI47" s="87">
        <v>76</v>
      </c>
      <c r="AJ47" s="96">
        <v>5.0015792437307605</v>
      </c>
      <c r="AK47" s="97">
        <v>0.37208410570387368</v>
      </c>
      <c r="AL47" s="88">
        <v>0.18754880088055387</v>
      </c>
      <c r="AM47" s="89">
        <v>8.9970205894051469E-2</v>
      </c>
      <c r="AN47" s="88">
        <v>0.16287805073407616</v>
      </c>
      <c r="AO47" s="89">
        <v>8.5857377134739371E-2</v>
      </c>
      <c r="AP47" s="88">
        <v>0.64957314838537128</v>
      </c>
      <c r="AQ47" s="89">
        <v>0.10719355289313909</v>
      </c>
      <c r="AR47" s="88">
        <v>0</v>
      </c>
      <c r="AS47" s="89">
        <v>3.4910600109422353E-2</v>
      </c>
      <c r="AT47" s="95">
        <v>75</v>
      </c>
      <c r="AU47" s="96">
        <v>5.503415272199855</v>
      </c>
      <c r="AV47" s="97">
        <v>0.3132761090164401</v>
      </c>
      <c r="AW47" s="88">
        <v>0.10827435861689523</v>
      </c>
      <c r="AX47" s="89">
        <v>7.5203273236554277E-2</v>
      </c>
      <c r="AY47" s="88">
        <v>7.5601631509266076E-2</v>
      </c>
      <c r="AZ47" s="89">
        <v>6.6623315950481404E-2</v>
      </c>
      <c r="BA47" s="88">
        <v>0.81612400987383993</v>
      </c>
      <c r="BB47" s="89">
        <v>8.9987157340720325E-2</v>
      </c>
      <c r="BC47" s="88">
        <v>0</v>
      </c>
      <c r="BD47" s="89">
        <v>3.5346768793784435E-2</v>
      </c>
    </row>
    <row r="48" spans="1:56">
      <c r="A48" s="44" t="s">
        <v>542</v>
      </c>
      <c r="B48" s="99">
        <v>607</v>
      </c>
      <c r="C48" s="100">
        <v>5.9325439262889068</v>
      </c>
      <c r="D48" s="101">
        <v>9.5737437935998662E-2</v>
      </c>
      <c r="E48" s="91">
        <v>4.1228279072771053E-2</v>
      </c>
      <c r="F48" s="92">
        <v>1.6636137146783816E-2</v>
      </c>
      <c r="G48" s="91">
        <v>8.6848668759357608E-2</v>
      </c>
      <c r="H48" s="92">
        <v>2.3103497029373778E-2</v>
      </c>
      <c r="I48" s="91">
        <v>0.87142434647062672</v>
      </c>
      <c r="J48" s="92">
        <v>2.7300155058536193E-2</v>
      </c>
      <c r="K48" s="91">
        <v>4.987056972434469E-4</v>
      </c>
      <c r="L48" s="92">
        <v>4.9577987921108546E-3</v>
      </c>
      <c r="M48" s="90">
        <v>608</v>
      </c>
      <c r="N48" s="100">
        <v>5.3872641322407171</v>
      </c>
      <c r="O48" s="101">
        <v>0.10341269867152285</v>
      </c>
      <c r="P48" s="91">
        <v>6.7919404888074478E-2</v>
      </c>
      <c r="Q48" s="92">
        <v>2.072837463270118E-2</v>
      </c>
      <c r="R48" s="91">
        <v>0.13438532635675571</v>
      </c>
      <c r="S48" s="92">
        <v>2.7779191648806607E-2</v>
      </c>
      <c r="T48" s="91">
        <v>0.7499522484376393</v>
      </c>
      <c r="U48" s="92">
        <v>3.5085133249871961E-2</v>
      </c>
      <c r="V48" s="91">
        <v>4.7743020317526134E-2</v>
      </c>
      <c r="W48" s="92">
        <v>1.7736002477082954E-2</v>
      </c>
      <c r="X48" s="99">
        <v>604</v>
      </c>
      <c r="Y48" s="100">
        <v>5.8111772789398142</v>
      </c>
      <c r="Z48" s="101">
        <v>0.10386655252463367</v>
      </c>
      <c r="AA48" s="91">
        <v>7.6837112018803735E-2</v>
      </c>
      <c r="AB48" s="92">
        <v>2.19571296213266E-2</v>
      </c>
      <c r="AC48" s="91">
        <v>7.9481906421478704E-2</v>
      </c>
      <c r="AD48" s="92">
        <v>2.2284591907315885E-2</v>
      </c>
      <c r="AE48" s="91">
        <v>0.83398990526177219</v>
      </c>
      <c r="AF48" s="92">
        <v>3.0339490119302297E-2</v>
      </c>
      <c r="AG48" s="91">
        <v>9.6910762979428248E-3</v>
      </c>
      <c r="AH48" s="92">
        <v>9.1586705260759092E-3</v>
      </c>
      <c r="AI48" s="90">
        <v>605</v>
      </c>
      <c r="AJ48" s="100">
        <v>5.4927568286356188</v>
      </c>
      <c r="AK48" s="101">
        <v>0.12006699246762365</v>
      </c>
      <c r="AL48" s="91">
        <v>0.10756631777220084</v>
      </c>
      <c r="AM48" s="92">
        <v>2.5372392951698828E-2</v>
      </c>
      <c r="AN48" s="91">
        <v>0.10776536045332548</v>
      </c>
      <c r="AO48" s="92">
        <v>2.5392335889046123E-2</v>
      </c>
      <c r="AP48" s="91">
        <v>0.76348072273870349</v>
      </c>
      <c r="AQ48" s="92">
        <v>3.4525815523451471E-2</v>
      </c>
      <c r="AR48" s="91">
        <v>2.1187599035765805E-2</v>
      </c>
      <c r="AS48" s="92">
        <v>1.2487218325358138E-2</v>
      </c>
      <c r="AT48" s="99">
        <v>607</v>
      </c>
      <c r="AU48" s="100">
        <v>5.6437301928453625</v>
      </c>
      <c r="AV48" s="101">
        <v>0.10267951028332833</v>
      </c>
      <c r="AW48" s="91">
        <v>6.3619075467940087E-2</v>
      </c>
      <c r="AX48" s="92">
        <v>2.0155997229850509E-2</v>
      </c>
      <c r="AY48" s="91">
        <v>0.1233008582070744</v>
      </c>
      <c r="AZ48" s="92">
        <v>2.682911211978966E-2</v>
      </c>
      <c r="BA48" s="91">
        <v>0.81263766614133448</v>
      </c>
      <c r="BB48" s="92">
        <v>3.1703750313676664E-2</v>
      </c>
      <c r="BC48" s="91">
        <v>4.4240018364861353E-4</v>
      </c>
      <c r="BD48" s="92">
        <v>4.921006968778889E-3</v>
      </c>
    </row>
    <row r="49" spans="1:56">
      <c r="A49" s="40" t="s">
        <v>543</v>
      </c>
      <c r="B49" s="78">
        <v>59</v>
      </c>
      <c r="C49" s="79">
        <v>6.174569854160894</v>
      </c>
      <c r="D49" s="80">
        <v>0.3026852448129192</v>
      </c>
      <c r="E49" s="93">
        <v>3.0133854910840516E-2</v>
      </c>
      <c r="F49" s="89">
        <v>5.9825476226642541E-2</v>
      </c>
      <c r="G49" s="93">
        <v>7.8970381826448652E-2</v>
      </c>
      <c r="H49" s="89">
        <v>7.7471723158605704E-2</v>
      </c>
      <c r="I49" s="93">
        <v>0.88802199871620158</v>
      </c>
      <c r="J49" s="89">
        <v>8.6538677140360926E-2</v>
      </c>
      <c r="K49" s="93">
        <v>2.873764546509346E-3</v>
      </c>
      <c r="L49" s="89">
        <v>4.5947799923870887E-2</v>
      </c>
      <c r="M49" s="78">
        <v>59</v>
      </c>
      <c r="N49" s="79">
        <v>5.6229311497355177</v>
      </c>
      <c r="O49" s="80">
        <v>0.29285804691306661</v>
      </c>
      <c r="P49" s="93">
        <v>2.8959265023066182E-2</v>
      </c>
      <c r="Q49" s="89">
        <v>5.9308895511515268E-2</v>
      </c>
      <c r="R49" s="93">
        <v>7.2124524397232395E-2</v>
      </c>
      <c r="S49" s="89">
        <v>7.5354179434092061E-2</v>
      </c>
      <c r="T49" s="93">
        <v>0.8399541558417889</v>
      </c>
      <c r="U49" s="89">
        <v>9.7146818274075231E-2</v>
      </c>
      <c r="V49" s="93">
        <v>5.8962054737912481E-2</v>
      </c>
      <c r="W49" s="89">
        <v>7.1002636199168231E-2</v>
      </c>
      <c r="X49" s="78">
        <v>59</v>
      </c>
      <c r="Y49" s="79">
        <v>6.1390313742268372</v>
      </c>
      <c r="Z49" s="80">
        <v>0.34360452182971124</v>
      </c>
      <c r="AA49" s="93">
        <v>7.8310520028704061E-2</v>
      </c>
      <c r="AB49" s="89">
        <v>7.7271614339573649E-2</v>
      </c>
      <c r="AC49" s="93">
        <v>4.9031722842842518E-2</v>
      </c>
      <c r="AD49" s="89">
        <v>6.7439724848427821E-2</v>
      </c>
      <c r="AE49" s="93">
        <v>0.84161043337776209</v>
      </c>
      <c r="AF49" s="89">
        <v>9.6822740745759528E-2</v>
      </c>
      <c r="AG49" s="93">
        <v>3.1047323750691413E-2</v>
      </c>
      <c r="AH49" s="89">
        <v>6.0223272083064487E-2</v>
      </c>
      <c r="AI49" s="78">
        <v>59</v>
      </c>
      <c r="AJ49" s="79">
        <v>5.7937695713315831</v>
      </c>
      <c r="AK49" s="80">
        <v>0.36737160473829505</v>
      </c>
      <c r="AL49" s="93">
        <v>4.815224771421734E-2</v>
      </c>
      <c r="AM49" s="89">
        <v>6.7111116363938295E-2</v>
      </c>
      <c r="AN49" s="93">
        <v>0.13094664791072794</v>
      </c>
      <c r="AO49" s="89">
        <v>9.1041889031159159E-2</v>
      </c>
      <c r="AP49" s="93">
        <v>0.76959184649372092</v>
      </c>
      <c r="AQ49" s="89">
        <v>0.10874651548405154</v>
      </c>
      <c r="AR49" s="93">
        <v>5.1309257881333885E-2</v>
      </c>
      <c r="AS49" s="89">
        <v>6.8280424837086323E-2</v>
      </c>
      <c r="AT49" s="78">
        <v>59</v>
      </c>
      <c r="AU49" s="79">
        <v>5.7789579846402681</v>
      </c>
      <c r="AV49" s="80">
        <v>0.269007581986839</v>
      </c>
      <c r="AW49" s="93">
        <v>2.9089320874995404E-2</v>
      </c>
      <c r="AX49" s="89">
        <v>5.9366378656800105E-2</v>
      </c>
      <c r="AY49" s="93">
        <v>0.10688511281366971</v>
      </c>
      <c r="AZ49" s="89">
        <v>8.524911767641373E-2</v>
      </c>
      <c r="BA49" s="93">
        <v>0.86298103227548995</v>
      </c>
      <c r="BB49" s="89">
        <v>9.2391319528423541E-2</v>
      </c>
      <c r="BC49" s="93">
        <v>1.0445340358451107E-3</v>
      </c>
      <c r="BD49" s="89">
        <v>4.4830098926542758E-2</v>
      </c>
    </row>
    <row r="50" spans="1:56">
      <c r="A50" s="44" t="s">
        <v>550</v>
      </c>
      <c r="B50" s="99">
        <v>109</v>
      </c>
      <c r="C50" s="100">
        <v>5.4850699553713875</v>
      </c>
      <c r="D50" s="101">
        <v>0.24964124239736643</v>
      </c>
      <c r="E50" s="91">
        <v>6.7858766868943071E-2</v>
      </c>
      <c r="F50" s="92">
        <v>5.1949912677588084E-2</v>
      </c>
      <c r="G50" s="91">
        <v>0.15032316968340198</v>
      </c>
      <c r="H50" s="92">
        <v>6.9442650737440603E-2</v>
      </c>
      <c r="I50" s="91">
        <v>0.78181806344765536</v>
      </c>
      <c r="J50" s="92">
        <v>7.8953737272987518E-2</v>
      </c>
      <c r="K50" s="91">
        <v>0</v>
      </c>
      <c r="L50" s="92">
        <v>2.4807832313658393E-2</v>
      </c>
      <c r="M50" s="90">
        <v>109</v>
      </c>
      <c r="N50" s="100">
        <v>5.3024176701809917</v>
      </c>
      <c r="O50" s="101">
        <v>0.23843615412927543</v>
      </c>
      <c r="P50" s="91">
        <v>5.3372961238985946E-2</v>
      </c>
      <c r="Q50" s="92">
        <v>4.7744345926144863E-2</v>
      </c>
      <c r="R50" s="91">
        <v>0.21922824814583347</v>
      </c>
      <c r="S50" s="92">
        <v>7.9076422022946416E-2</v>
      </c>
      <c r="T50" s="91">
        <v>0.64029089969919895</v>
      </c>
      <c r="U50" s="92">
        <v>9.05611190343419E-2</v>
      </c>
      <c r="V50" s="91">
        <v>8.7107890915981909E-2</v>
      </c>
      <c r="W50" s="92">
        <v>5.6873049761192056E-2</v>
      </c>
      <c r="X50" s="99">
        <v>108</v>
      </c>
      <c r="Y50" s="100">
        <v>5.4699668832391666</v>
      </c>
      <c r="Z50" s="101">
        <v>0.25713254804622515</v>
      </c>
      <c r="AA50" s="91">
        <v>7.47067669977316E-2</v>
      </c>
      <c r="AB50" s="92">
        <v>5.4055049384913199E-2</v>
      </c>
      <c r="AC50" s="91">
        <v>0.14585867248142725</v>
      </c>
      <c r="AD50" s="92">
        <v>6.901921111237791E-2</v>
      </c>
      <c r="AE50" s="91">
        <v>0.75975383932942631</v>
      </c>
      <c r="AF50" s="92">
        <v>8.1779606762526977E-2</v>
      </c>
      <c r="AG50" s="91">
        <v>1.9680721191415118E-2</v>
      </c>
      <c r="AH50" s="92">
        <v>3.559602973076962E-2</v>
      </c>
      <c r="AI50" s="90">
        <v>106</v>
      </c>
      <c r="AJ50" s="100">
        <v>5.3086619880675219</v>
      </c>
      <c r="AK50" s="101">
        <v>0.26826432511965997</v>
      </c>
      <c r="AL50" s="91">
        <v>9.9964016905836506E-2</v>
      </c>
      <c r="AM50" s="92">
        <v>6.0722337123500503E-2</v>
      </c>
      <c r="AN50" s="91">
        <v>0.14110013761700516</v>
      </c>
      <c r="AO50" s="92">
        <v>6.8857824021103908E-2</v>
      </c>
      <c r="AP50" s="91">
        <v>0.71678441858761832</v>
      </c>
      <c r="AQ50" s="92">
        <v>8.6625678842593076E-2</v>
      </c>
      <c r="AR50" s="91">
        <v>4.2151426889540142E-2</v>
      </c>
      <c r="AS50" s="92">
        <v>4.4860580436524224E-2</v>
      </c>
      <c r="AT50" s="99">
        <v>107</v>
      </c>
      <c r="AU50" s="100">
        <v>5.4381796807680649</v>
      </c>
      <c r="AV50" s="101">
        <v>0.22873336184039178</v>
      </c>
      <c r="AW50" s="91">
        <v>8.1116435089216232E-2</v>
      </c>
      <c r="AX50" s="92">
        <v>5.5977703639268475E-2</v>
      </c>
      <c r="AY50" s="91">
        <v>0.15846613647763974</v>
      </c>
      <c r="AZ50" s="92">
        <v>7.1435731611215025E-2</v>
      </c>
      <c r="BA50" s="91">
        <v>0.76041742843314408</v>
      </c>
      <c r="BB50" s="92">
        <v>8.2085963417583355E-2</v>
      </c>
      <c r="BC50" s="91">
        <v>0</v>
      </c>
      <c r="BD50" s="92">
        <v>2.5250720474759302E-2</v>
      </c>
    </row>
    <row r="51" spans="1:56">
      <c r="A51" s="52" t="s">
        <v>544</v>
      </c>
      <c r="B51" s="95">
        <v>120</v>
      </c>
      <c r="C51" s="96">
        <v>5.6646386260759929</v>
      </c>
      <c r="D51" s="97">
        <v>0.23495281128220571</v>
      </c>
      <c r="E51" s="88">
        <v>6.8719708101652982E-2</v>
      </c>
      <c r="F51" s="89">
        <v>4.9449854754873332E-2</v>
      </c>
      <c r="G51" s="88">
        <v>0.12322743665717573</v>
      </c>
      <c r="H51" s="89">
        <v>6.1448449275744957E-2</v>
      </c>
      <c r="I51" s="88">
        <v>0.80805285524117199</v>
      </c>
      <c r="J51" s="89">
        <v>7.2094706858921304E-2</v>
      </c>
      <c r="K51" s="88">
        <v>0</v>
      </c>
      <c r="L51" s="89">
        <v>2.262519761202799E-2</v>
      </c>
      <c r="M51" s="87">
        <v>120</v>
      </c>
      <c r="N51" s="96">
        <v>4.9879803523148514</v>
      </c>
      <c r="O51" s="97">
        <v>0.25058865516109574</v>
      </c>
      <c r="P51" s="88">
        <v>0.13220707006075086</v>
      </c>
      <c r="Q51" s="89">
        <v>6.3070570278219107E-2</v>
      </c>
      <c r="R51" s="88">
        <v>0.17139271411603102</v>
      </c>
      <c r="S51" s="89">
        <v>6.9298679316703082E-2</v>
      </c>
      <c r="T51" s="88">
        <v>0.66744228002269024</v>
      </c>
      <c r="U51" s="89">
        <v>8.4955916745657487E-2</v>
      </c>
      <c r="V51" s="88">
        <v>2.895793580052854E-2</v>
      </c>
      <c r="W51" s="89">
        <v>3.689714025124595E-2</v>
      </c>
      <c r="X51" s="95">
        <v>119</v>
      </c>
      <c r="Y51" s="96">
        <v>5.5561467560480082</v>
      </c>
      <c r="Z51" s="97">
        <v>0.24992270747855977</v>
      </c>
      <c r="AA51" s="88">
        <v>0.1304536025116364</v>
      </c>
      <c r="AB51" s="89">
        <v>6.3032648612980427E-2</v>
      </c>
      <c r="AC51" s="88">
        <v>7.1886990572203213E-2</v>
      </c>
      <c r="AD51" s="89">
        <v>5.0508348425104301E-2</v>
      </c>
      <c r="AE51" s="88">
        <v>0.78469392516699077</v>
      </c>
      <c r="AF51" s="89">
        <v>7.5252472155437095E-2</v>
      </c>
      <c r="AG51" s="88">
        <v>1.2965481749170529E-2</v>
      </c>
      <c r="AH51" s="89">
        <v>3.016180328125926E-2</v>
      </c>
      <c r="AI51" s="87">
        <v>120</v>
      </c>
      <c r="AJ51" s="96">
        <v>5.274853646078383</v>
      </c>
      <c r="AK51" s="97">
        <v>0.29743713199935501</v>
      </c>
      <c r="AL51" s="88">
        <v>0.1883484094228246</v>
      </c>
      <c r="AM51" s="89">
        <v>7.1625922798088174E-2</v>
      </c>
      <c r="AN51" s="88">
        <v>8.153824531653743E-2</v>
      </c>
      <c r="AO51" s="89">
        <v>5.2672138078760235E-2</v>
      </c>
      <c r="AP51" s="88">
        <v>0.71776851432647848</v>
      </c>
      <c r="AQ51" s="89">
        <v>8.1436118440786701E-2</v>
      </c>
      <c r="AR51" s="88">
        <v>1.2344830934159959E-2</v>
      </c>
      <c r="AS51" s="89">
        <v>2.9668817734502986E-2</v>
      </c>
      <c r="AT51" s="95">
        <v>119</v>
      </c>
      <c r="AU51" s="96">
        <v>5.3818759485425511</v>
      </c>
      <c r="AV51" s="97">
        <v>0.2535571839170625</v>
      </c>
      <c r="AW51" s="88">
        <v>9.8001239277119151E-2</v>
      </c>
      <c r="AX51" s="89">
        <v>5.666528571286094E-2</v>
      </c>
      <c r="AY51" s="88">
        <v>0.14635163356784453</v>
      </c>
      <c r="AZ51" s="89">
        <v>6.5750208589325634E-2</v>
      </c>
      <c r="BA51" s="88">
        <v>0.75515661390259092</v>
      </c>
      <c r="BB51" s="89">
        <v>7.8411197595052773E-2</v>
      </c>
      <c r="BC51" s="88">
        <v>4.9051325244609109E-4</v>
      </c>
      <c r="BD51" s="89">
        <v>2.3132473362860402E-2</v>
      </c>
    </row>
    <row r="52" spans="1:56">
      <c r="A52" s="44" t="s">
        <v>545</v>
      </c>
      <c r="B52" s="99">
        <v>154</v>
      </c>
      <c r="C52" s="100">
        <v>6.1788010905839217</v>
      </c>
      <c r="D52" s="101">
        <v>0.15717043552930102</v>
      </c>
      <c r="E52" s="91">
        <v>1.7836922124584539E-2</v>
      </c>
      <c r="F52" s="92">
        <v>2.7161479371496676E-2</v>
      </c>
      <c r="G52" s="91">
        <v>4.2765397366478899E-2</v>
      </c>
      <c r="H52" s="92">
        <v>3.6068857259097899E-2</v>
      </c>
      <c r="I52" s="91">
        <v>0.93904463634443724</v>
      </c>
      <c r="J52" s="92">
        <v>4.1146934188200653E-2</v>
      </c>
      <c r="K52" s="91">
        <v>3.5304416449912591E-4</v>
      </c>
      <c r="L52" s="92">
        <v>1.8024788480913257E-2</v>
      </c>
      <c r="M52" s="90">
        <v>155</v>
      </c>
      <c r="N52" s="100">
        <v>5.3796127155094409</v>
      </c>
      <c r="O52" s="101">
        <v>0.20235289267282874</v>
      </c>
      <c r="P52" s="91">
        <v>6.2868612872708521E-2</v>
      </c>
      <c r="Q52" s="92">
        <v>4.1484860546274503E-2</v>
      </c>
      <c r="R52" s="91">
        <v>0.12652385427687701</v>
      </c>
      <c r="S52" s="92">
        <v>5.4356238267030052E-2</v>
      </c>
      <c r="T52" s="91">
        <v>0.76750163866931875</v>
      </c>
      <c r="U52" s="92">
        <v>6.7665091722963297E-2</v>
      </c>
      <c r="V52" s="91">
        <v>4.3105894181095887E-2</v>
      </c>
      <c r="W52" s="92">
        <v>3.603594159134272E-2</v>
      </c>
      <c r="X52" s="99">
        <v>154</v>
      </c>
      <c r="Y52" s="100">
        <v>5.9864046555321151</v>
      </c>
      <c r="Z52" s="101">
        <v>0.17765282239253294</v>
      </c>
      <c r="AA52" s="91">
        <v>4.4804205881331757E-2</v>
      </c>
      <c r="AB52" s="92">
        <v>3.6683832036805551E-2</v>
      </c>
      <c r="AC52" s="91">
        <v>5.7531096850820071E-2</v>
      </c>
      <c r="AD52" s="92">
        <v>4.0255084676143672E-2</v>
      </c>
      <c r="AE52" s="91">
        <v>0.89731471575124699</v>
      </c>
      <c r="AF52" s="92">
        <v>5.0323686730298869E-2</v>
      </c>
      <c r="AG52" s="91">
        <v>3.4998151660115451E-4</v>
      </c>
      <c r="AH52" s="92">
        <v>1.8022746525557447E-2</v>
      </c>
      <c r="AI52" s="90">
        <v>155</v>
      </c>
      <c r="AJ52" s="100">
        <v>5.7984735895894861</v>
      </c>
      <c r="AK52" s="101">
        <v>0.18261554379634479</v>
      </c>
      <c r="AL52" s="91">
        <v>4.0802950941015187E-2</v>
      </c>
      <c r="AM52" s="92">
        <v>3.5329188236637679E-2</v>
      </c>
      <c r="AN52" s="91">
        <v>9.1516347828855829E-2</v>
      </c>
      <c r="AO52" s="92">
        <v>4.7959867721385593E-2</v>
      </c>
      <c r="AP52" s="91">
        <v>0.86672831505950998</v>
      </c>
      <c r="AQ52" s="92">
        <v>5.5443778870269626E-2</v>
      </c>
      <c r="AR52" s="91">
        <v>9.5238617061905062E-4</v>
      </c>
      <c r="AS52" s="92">
        <v>1.8308744797506556E-2</v>
      </c>
      <c r="AT52" s="99">
        <v>155</v>
      </c>
      <c r="AU52" s="100">
        <v>5.6861177593349135</v>
      </c>
      <c r="AV52" s="101">
        <v>0.18987479776623953</v>
      </c>
      <c r="AW52" s="91">
        <v>5.5402847498568469E-2</v>
      </c>
      <c r="AX52" s="92">
        <v>3.9542592971942285E-2</v>
      </c>
      <c r="AY52" s="91">
        <v>8.4143991281011771E-2</v>
      </c>
      <c r="AZ52" s="92">
        <v>4.6420426130916764E-2</v>
      </c>
      <c r="BA52" s="91">
        <v>0.86010341687846859</v>
      </c>
      <c r="BB52" s="92">
        <v>5.6472392459578857E-2</v>
      </c>
      <c r="BC52" s="91">
        <v>3.4974434195128503E-4</v>
      </c>
      <c r="BD52" s="92">
        <v>1.7911485377230595E-2</v>
      </c>
    </row>
    <row r="53" spans="1:56">
      <c r="A53" s="52" t="s">
        <v>546</v>
      </c>
      <c r="B53" s="95">
        <v>71</v>
      </c>
      <c r="C53" s="96">
        <v>6.4136818093523846</v>
      </c>
      <c r="D53" s="97">
        <v>0.21306726448378752</v>
      </c>
      <c r="E53" s="88">
        <v>1.4192292974541386E-2</v>
      </c>
      <c r="F53" s="89">
        <v>4.5310110100461112E-2</v>
      </c>
      <c r="G53" s="88">
        <v>2.3007498091676369E-2</v>
      </c>
      <c r="H53" s="89">
        <v>4.9584931512217829E-2</v>
      </c>
      <c r="I53" s="88">
        <v>0.96280020893378226</v>
      </c>
      <c r="J53" s="89">
        <v>5.564316258533019E-2</v>
      </c>
      <c r="K53" s="88">
        <v>0</v>
      </c>
      <c r="L53" s="89">
        <v>3.7206132509255738E-2</v>
      </c>
      <c r="M53" s="87">
        <v>71</v>
      </c>
      <c r="N53" s="96">
        <v>5.9615564011084228</v>
      </c>
      <c r="O53" s="97">
        <v>0.2289112076897232</v>
      </c>
      <c r="P53" s="88">
        <v>2.1550157236923776E-2</v>
      </c>
      <c r="Q53" s="89">
        <v>4.8909240738396038E-2</v>
      </c>
      <c r="R53" s="88">
        <v>3.5306118710720882E-2</v>
      </c>
      <c r="S53" s="89">
        <v>5.4883638961605856E-2</v>
      </c>
      <c r="T53" s="88">
        <v>0.92086854868206403</v>
      </c>
      <c r="U53" s="89">
        <v>6.9765217603397198E-2</v>
      </c>
      <c r="V53" s="88">
        <v>2.2275175370291209E-2</v>
      </c>
      <c r="W53" s="89">
        <v>4.9246809249128595E-2</v>
      </c>
      <c r="X53" s="95">
        <v>70</v>
      </c>
      <c r="Y53" s="96">
        <v>6.2928596275577862</v>
      </c>
      <c r="Z53" s="97">
        <v>0.24882378375532918</v>
      </c>
      <c r="AA53" s="88">
        <v>3.6398495960745715E-2</v>
      </c>
      <c r="AB53" s="89">
        <v>5.5838060468423607E-2</v>
      </c>
      <c r="AC53" s="88">
        <v>3.4176252456239349E-2</v>
      </c>
      <c r="AD53" s="89">
        <v>5.4936223416871703E-2</v>
      </c>
      <c r="AE53" s="88">
        <v>0.92942525158301492</v>
      </c>
      <c r="AF53" s="89">
        <v>6.7779825201905591E-2</v>
      </c>
      <c r="AG53" s="88">
        <v>0</v>
      </c>
      <c r="AH53" s="89">
        <v>3.7701936889887336E-2</v>
      </c>
      <c r="AI53" s="87">
        <v>71</v>
      </c>
      <c r="AJ53" s="96">
        <v>5.6510621915442369</v>
      </c>
      <c r="AK53" s="97">
        <v>0.32373759279006709</v>
      </c>
      <c r="AL53" s="88">
        <v>0.10179252662246441</v>
      </c>
      <c r="AM53" s="89">
        <v>7.5857344718628081E-2</v>
      </c>
      <c r="AN53" s="88">
        <v>5.4576113971598846E-2</v>
      </c>
      <c r="AO53" s="89">
        <v>6.2052082979047581E-2</v>
      </c>
      <c r="AP53" s="88">
        <v>0.82943906643139531</v>
      </c>
      <c r="AQ53" s="89">
        <v>9.0255263931337218E-2</v>
      </c>
      <c r="AR53" s="88">
        <v>1.4192292974541386E-2</v>
      </c>
      <c r="AS53" s="89">
        <v>4.5310110100461112E-2</v>
      </c>
      <c r="AT53" s="95">
        <v>72</v>
      </c>
      <c r="AU53" s="96">
        <v>6.2222748871080498</v>
      </c>
      <c r="AV53" s="97">
        <v>0.259079860988219</v>
      </c>
      <c r="AW53" s="88">
        <v>1.5124066684604046E-2</v>
      </c>
      <c r="AX53" s="89">
        <v>4.5301289565967684E-2</v>
      </c>
      <c r="AY53" s="88">
        <v>7.5089038134859759E-2</v>
      </c>
      <c r="AZ53" s="89">
        <v>6.8038584258589579E-2</v>
      </c>
      <c r="BA53" s="88">
        <v>0.90978689518053624</v>
      </c>
      <c r="BB53" s="89">
        <v>7.2288122637829105E-2</v>
      </c>
      <c r="BC53" s="88">
        <v>0</v>
      </c>
      <c r="BD53" s="89">
        <v>3.6723195522334773E-2</v>
      </c>
    </row>
    <row r="54" spans="1:56">
      <c r="A54" s="44" t="s">
        <v>547</v>
      </c>
      <c r="B54" s="99">
        <v>94</v>
      </c>
      <c r="C54" s="100">
        <v>5.9614783156934141</v>
      </c>
      <c r="D54" s="101">
        <v>0.25152499633153252</v>
      </c>
      <c r="E54" s="91">
        <v>3.3672342824196219E-2</v>
      </c>
      <c r="F54" s="92">
        <v>4.5142942659776218E-2</v>
      </c>
      <c r="G54" s="91">
        <v>8.1538966189243001E-2</v>
      </c>
      <c r="H54" s="92">
        <v>6.0235354582328378E-2</v>
      </c>
      <c r="I54" s="91">
        <v>0.88342414386484647</v>
      </c>
      <c r="J54" s="92">
        <v>6.8435029042527504E-2</v>
      </c>
      <c r="K54" s="91">
        <v>1.3645471217140228E-3</v>
      </c>
      <c r="L54" s="92">
        <v>2.9447556888093977E-2</v>
      </c>
      <c r="M54" s="90">
        <v>94</v>
      </c>
      <c r="N54" s="100">
        <v>5.4774894517855861</v>
      </c>
      <c r="O54" s="101">
        <v>0.26518057203715578</v>
      </c>
      <c r="P54" s="91">
        <v>6.7044120697043755E-2</v>
      </c>
      <c r="Q54" s="92">
        <v>5.6257071861473662E-2</v>
      </c>
      <c r="R54" s="91">
        <v>8.879235590285374E-2</v>
      </c>
      <c r="S54" s="92">
        <v>6.2082886503816562E-2</v>
      </c>
      <c r="T54" s="91">
        <v>0.80181155271659388</v>
      </c>
      <c r="U54" s="92">
        <v>8.2361564405958945E-2</v>
      </c>
      <c r="V54" s="91">
        <v>4.2351970683507281E-2</v>
      </c>
      <c r="W54" s="92">
        <v>4.8363690326435803E-2</v>
      </c>
      <c r="X54" s="99">
        <v>94</v>
      </c>
      <c r="Y54" s="100">
        <v>5.7078389198127066</v>
      </c>
      <c r="Z54" s="101">
        <v>0.28086992301912383</v>
      </c>
      <c r="AA54" s="91">
        <v>9.7867055482510887E-2</v>
      </c>
      <c r="AB54" s="92">
        <v>6.4276373677141244E-2</v>
      </c>
      <c r="AC54" s="91">
        <v>9.7007795814590334E-2</v>
      </c>
      <c r="AD54" s="92">
        <v>6.407396539882744E-2</v>
      </c>
      <c r="AE54" s="91">
        <v>0.80375948964977706</v>
      </c>
      <c r="AF54" s="92">
        <v>8.2092204077392331E-2</v>
      </c>
      <c r="AG54" s="91">
        <v>1.3656590531203516E-3</v>
      </c>
      <c r="AH54" s="92">
        <v>2.9448263927557308E-2</v>
      </c>
      <c r="AI54" s="90">
        <v>94</v>
      </c>
      <c r="AJ54" s="100">
        <v>5.095276212832438</v>
      </c>
      <c r="AK54" s="101">
        <v>0.37035893781772444</v>
      </c>
      <c r="AL54" s="91">
        <v>0.17529402345794401</v>
      </c>
      <c r="AM54" s="92">
        <v>7.9023952321389465E-2</v>
      </c>
      <c r="AN54" s="91">
        <v>0.17667520248729635</v>
      </c>
      <c r="AO54" s="92">
        <v>7.9236331109574898E-2</v>
      </c>
      <c r="AP54" s="91">
        <v>0.61571200229778056</v>
      </c>
      <c r="AQ54" s="92">
        <v>9.8495090067053925E-2</v>
      </c>
      <c r="AR54" s="91">
        <v>3.2318771756977581E-2</v>
      </c>
      <c r="AS54" s="92">
        <v>4.4614008703249566E-2</v>
      </c>
      <c r="AT54" s="99">
        <v>95</v>
      </c>
      <c r="AU54" s="100">
        <v>5.6367583919625766</v>
      </c>
      <c r="AV54" s="101">
        <v>0.29903465747078173</v>
      </c>
      <c r="AW54" s="91">
        <v>6.9296483391646874E-2</v>
      </c>
      <c r="AX54" s="92">
        <v>5.6562110498929952E-2</v>
      </c>
      <c r="AY54" s="91">
        <v>0.17489444062585655</v>
      </c>
      <c r="AZ54" s="92">
        <v>7.8540919224886874E-2</v>
      </c>
      <c r="BA54" s="91">
        <v>0.75444638831231914</v>
      </c>
      <c r="BB54" s="92">
        <v>8.7705452457021077E-2</v>
      </c>
      <c r="BC54" s="91">
        <v>1.3626876701758892E-3</v>
      </c>
      <c r="BD54" s="92">
        <v>2.9161330940971862E-2</v>
      </c>
    </row>
    <row r="55" spans="1:56">
      <c r="A55" s="52" t="s">
        <v>551</v>
      </c>
      <c r="B55" s="95">
        <v>788</v>
      </c>
      <c r="C55" s="96">
        <v>5.686386336358769</v>
      </c>
      <c r="D55" s="97">
        <v>9.3310834675035925E-2</v>
      </c>
      <c r="E55" s="88">
        <v>6.6575491553309524E-2</v>
      </c>
      <c r="F55" s="89">
        <v>1.7983711370377489E-2</v>
      </c>
      <c r="G55" s="88">
        <v>8.76339526978413E-2</v>
      </c>
      <c r="H55" s="89">
        <v>2.0309168388073177E-2</v>
      </c>
      <c r="I55" s="88">
        <v>0.82794932258593601</v>
      </c>
      <c r="J55" s="89">
        <v>2.6924217418108829E-2</v>
      </c>
      <c r="K55" s="88">
        <v>1.7841233162912019E-2</v>
      </c>
      <c r="L55" s="89">
        <v>1.0016462945269049E-2</v>
      </c>
      <c r="M55" s="87">
        <v>759</v>
      </c>
      <c r="N55" s="96">
        <v>4.6373936189192353</v>
      </c>
      <c r="O55" s="97">
        <v>0.10874460929402538</v>
      </c>
      <c r="P55" s="94">
        <v>0.17025706704506086</v>
      </c>
      <c r="Q55" s="89">
        <v>2.7323280901109991E-2</v>
      </c>
      <c r="R55" s="88">
        <v>0.22884228679367757</v>
      </c>
      <c r="S55" s="89">
        <v>3.0482566525041461E-2</v>
      </c>
      <c r="T55" s="88">
        <v>0.49867080016427223</v>
      </c>
      <c r="U55" s="89">
        <v>3.6202304127428558E-2</v>
      </c>
      <c r="V55" s="88">
        <v>0.10222984599699131</v>
      </c>
      <c r="W55" s="89">
        <v>2.2131916298371902E-2</v>
      </c>
      <c r="X55" s="95">
        <v>784</v>
      </c>
      <c r="Y55" s="96">
        <v>5.5031902203866165</v>
      </c>
      <c r="Z55" s="97">
        <v>9.8392232476557179E-2</v>
      </c>
      <c r="AA55" s="88">
        <v>8.0998288115685449E-2</v>
      </c>
      <c r="AB55" s="89">
        <v>1.9669270710284813E-2</v>
      </c>
      <c r="AC55" s="88">
        <v>0.13172385406183518</v>
      </c>
      <c r="AD55" s="89">
        <v>2.4239301130100359E-2</v>
      </c>
      <c r="AE55" s="88">
        <v>0.76639673168897049</v>
      </c>
      <c r="AF55" s="89">
        <v>3.0206684984287621E-2</v>
      </c>
      <c r="AG55" s="88">
        <v>2.0881126133507941E-2</v>
      </c>
      <c r="AH55" s="89">
        <v>1.075091691636219E-2</v>
      </c>
      <c r="AI55" s="87">
        <v>781</v>
      </c>
      <c r="AJ55" s="96">
        <v>5.4984099636514117</v>
      </c>
      <c r="AK55" s="97">
        <v>0.10012619504389259</v>
      </c>
      <c r="AL55" s="94">
        <v>7.8349429573767546E-2</v>
      </c>
      <c r="AM55" s="89">
        <v>1.9420659396814942E-2</v>
      </c>
      <c r="AN55" s="88">
        <v>0.11590919862352617</v>
      </c>
      <c r="AO55" s="89">
        <v>2.3017453685438793E-2</v>
      </c>
      <c r="AP55" s="88">
        <v>0.76643119371207136</v>
      </c>
      <c r="AQ55" s="89">
        <v>3.0263050211690925E-2</v>
      </c>
      <c r="AR55" s="88">
        <v>3.9310178090633731E-2</v>
      </c>
      <c r="AS55" s="89">
        <v>1.4262736268633436E-2</v>
      </c>
      <c r="AT55" s="95">
        <v>776</v>
      </c>
      <c r="AU55" s="96">
        <v>5.1958111950700356</v>
      </c>
      <c r="AV55" s="97">
        <v>0.10553679710143567</v>
      </c>
      <c r="AW55" s="88">
        <v>0.11708287149240759</v>
      </c>
      <c r="AX55" s="89">
        <v>2.3190898770516936E-2</v>
      </c>
      <c r="AY55" s="88">
        <v>0.16577732740165488</v>
      </c>
      <c r="AZ55" s="89">
        <v>2.6740726421093514E-2</v>
      </c>
      <c r="BA55" s="88">
        <v>0.69596895024634486</v>
      </c>
      <c r="BB55" s="89">
        <v>3.297155308530015E-2</v>
      </c>
      <c r="BC55" s="88">
        <v>2.1170850859590949E-2</v>
      </c>
      <c r="BD55" s="89">
        <v>1.0876504644881527E-2</v>
      </c>
    </row>
    <row r="56" spans="1:56">
      <c r="A56" s="44" t="s">
        <v>552</v>
      </c>
      <c r="B56" s="99">
        <v>211</v>
      </c>
      <c r="C56" s="100">
        <v>5.7879311621491052</v>
      </c>
      <c r="D56" s="101">
        <v>0.15538613096540488</v>
      </c>
      <c r="E56" s="91">
        <v>4.5567155932190191E-2</v>
      </c>
      <c r="F56" s="92">
        <v>3.0834403675907857E-2</v>
      </c>
      <c r="G56" s="91">
        <v>9.3438795445308032E-2</v>
      </c>
      <c r="H56" s="92">
        <v>4.1101388967376695E-2</v>
      </c>
      <c r="I56" s="91">
        <v>0.86099404862250173</v>
      </c>
      <c r="J56" s="92">
        <v>4.8125259730545177E-2</v>
      </c>
      <c r="K56" s="91">
        <v>0</v>
      </c>
      <c r="L56" s="92">
        <v>1.3094143779016076E-2</v>
      </c>
      <c r="M56" s="90">
        <v>210</v>
      </c>
      <c r="N56" s="100">
        <v>4.6671002460593014</v>
      </c>
      <c r="O56" s="101">
        <v>0.17871800318773584</v>
      </c>
      <c r="P56" s="91">
        <v>0.12469392559373108</v>
      </c>
      <c r="Q56" s="92">
        <v>4.6234213516909949E-2</v>
      </c>
      <c r="R56" s="91">
        <v>0.28894876991209217</v>
      </c>
      <c r="S56" s="92">
        <v>6.2218631839259672E-2</v>
      </c>
      <c r="T56" s="91">
        <v>0.47497638746556947</v>
      </c>
      <c r="U56" s="92">
        <v>6.8276103656954162E-2</v>
      </c>
      <c r="V56" s="91">
        <v>0.11138091702860725</v>
      </c>
      <c r="W56" s="92">
        <v>4.4210251822761636E-2</v>
      </c>
      <c r="X56" s="99">
        <v>210</v>
      </c>
      <c r="Y56" s="100">
        <v>5.5586188163978392</v>
      </c>
      <c r="Z56" s="101">
        <v>0.1744940224574951</v>
      </c>
      <c r="AA56" s="91">
        <v>6.6070445263642238E-2</v>
      </c>
      <c r="AB56" s="92">
        <v>3.5828880964491952E-2</v>
      </c>
      <c r="AC56" s="91">
        <v>0.15089648437555211</v>
      </c>
      <c r="AD56" s="92">
        <v>4.9792122212053383E-2</v>
      </c>
      <c r="AE56" s="91">
        <v>0.77838370396083745</v>
      </c>
      <c r="AF56" s="92">
        <v>5.7253745737241082E-2</v>
      </c>
      <c r="AG56" s="91">
        <v>4.6493663999680555E-3</v>
      </c>
      <c r="AH56" s="92">
        <v>1.6010987548493737E-2</v>
      </c>
      <c r="AI56" s="90">
        <v>207</v>
      </c>
      <c r="AJ56" s="100">
        <v>5.5281462898891638</v>
      </c>
      <c r="AK56" s="101">
        <v>0.17924833283498234</v>
      </c>
      <c r="AL56" s="91">
        <v>7.9862709427020229E-2</v>
      </c>
      <c r="AM56" s="92">
        <v>3.8971066108930759E-2</v>
      </c>
      <c r="AN56" s="91">
        <v>8.5924957182557146E-2</v>
      </c>
      <c r="AO56" s="92">
        <v>4.0137446964023958E-2</v>
      </c>
      <c r="AP56" s="91">
        <v>0.80072985467268865</v>
      </c>
      <c r="AQ56" s="92">
        <v>5.5581032335785284E-2</v>
      </c>
      <c r="AR56" s="91">
        <v>3.3482478717733841E-2</v>
      </c>
      <c r="AS56" s="92">
        <v>2.7720640094529774E-2</v>
      </c>
      <c r="AT56" s="99">
        <v>206</v>
      </c>
      <c r="AU56" s="100">
        <v>5.2214768125645472</v>
      </c>
      <c r="AV56" s="101">
        <v>0.19293742450154203</v>
      </c>
      <c r="AW56" s="91">
        <v>0.10137604095387961</v>
      </c>
      <c r="AX56" s="92">
        <v>4.3004908211091243E-2</v>
      </c>
      <c r="AY56" s="91">
        <v>0.1645452379634931</v>
      </c>
      <c r="AZ56" s="92">
        <v>5.1955315725403968E-2</v>
      </c>
      <c r="BA56" s="91">
        <v>0.71543929639066262</v>
      </c>
      <c r="BB56" s="92">
        <v>6.2539469566526409E-2</v>
      </c>
      <c r="BC56" s="91">
        <v>1.8639424691964536E-2</v>
      </c>
      <c r="BD56" s="92">
        <v>2.2692520984726489E-2</v>
      </c>
    </row>
    <row r="57" spans="1:56">
      <c r="A57" s="52" t="s">
        <v>553</v>
      </c>
      <c r="B57" s="95">
        <v>273</v>
      </c>
      <c r="C57" s="96">
        <v>5.6517511308510127</v>
      </c>
      <c r="D57" s="97">
        <v>0.16060458362171531</v>
      </c>
      <c r="E57" s="88">
        <v>6.7644107900039163E-2</v>
      </c>
      <c r="F57" s="89">
        <v>3.1434568916880033E-2</v>
      </c>
      <c r="G57" s="88">
        <v>7.6199357640886034E-2</v>
      </c>
      <c r="H57" s="89">
        <v>3.3028325687577666E-2</v>
      </c>
      <c r="I57" s="88">
        <v>0.84292966481208875</v>
      </c>
      <c r="J57" s="89">
        <v>4.4278595176094726E-2</v>
      </c>
      <c r="K57" s="88">
        <v>1.3226869646986272E-2</v>
      </c>
      <c r="L57" s="89">
        <v>1.692872105661011E-2</v>
      </c>
      <c r="M57" s="87">
        <v>271</v>
      </c>
      <c r="N57" s="96">
        <v>4.5482200167995028</v>
      </c>
      <c r="O57" s="97">
        <v>0.18324910420899304</v>
      </c>
      <c r="P57" s="94">
        <v>0.18656329649750078</v>
      </c>
      <c r="Q57" s="89">
        <v>4.7419921135112307E-2</v>
      </c>
      <c r="R57" s="88">
        <v>0.22269676033442956</v>
      </c>
      <c r="S57" s="89">
        <v>5.0499130548002577E-2</v>
      </c>
      <c r="T57" s="88">
        <v>0.48426900291722375</v>
      </c>
      <c r="U57" s="89">
        <v>6.0273278546091623E-2</v>
      </c>
      <c r="V57" s="88">
        <v>0.10647094025084686</v>
      </c>
      <c r="W57" s="89">
        <v>3.806354140757514E-2</v>
      </c>
      <c r="X57" s="95">
        <v>271</v>
      </c>
      <c r="Y57" s="96">
        <v>5.4824043242757856</v>
      </c>
      <c r="Z57" s="97">
        <v>0.16943543449898504</v>
      </c>
      <c r="AA57" s="88">
        <v>8.8858871149692889E-2</v>
      </c>
      <c r="AB57" s="89">
        <v>3.5336234253545408E-2</v>
      </c>
      <c r="AC57" s="88">
        <v>0.12499903360339873</v>
      </c>
      <c r="AD57" s="89">
        <v>4.0619825550515097E-2</v>
      </c>
      <c r="AE57" s="88">
        <v>0.76700304581249557</v>
      </c>
      <c r="AF57" s="89">
        <v>5.1277242825479817E-2</v>
      </c>
      <c r="AG57" s="88">
        <v>1.9139049434413503E-2</v>
      </c>
      <c r="AH57" s="89">
        <v>1.9240274589902316E-2</v>
      </c>
      <c r="AI57" s="87">
        <v>271</v>
      </c>
      <c r="AJ57" s="96">
        <v>5.5693881695412566</v>
      </c>
      <c r="AK57" s="97">
        <v>0.16572509262627311</v>
      </c>
      <c r="AL57" s="94">
        <v>6.2213522354292401E-2</v>
      </c>
      <c r="AM57" s="89">
        <v>3.0481691061527399E-2</v>
      </c>
      <c r="AN57" s="88">
        <v>9.9188375696647096E-2</v>
      </c>
      <c r="AO57" s="89">
        <v>3.6974587125479449E-2</v>
      </c>
      <c r="AP57" s="88">
        <v>0.8116666215234517</v>
      </c>
      <c r="AQ57" s="89">
        <v>4.7584434870266437E-2</v>
      </c>
      <c r="AR57" s="88">
        <v>2.6931480425609271E-2</v>
      </c>
      <c r="AS57" s="89">
        <v>2.1798813468322437E-2</v>
      </c>
      <c r="AT57" s="95">
        <v>268</v>
      </c>
      <c r="AU57" s="96">
        <v>5.160194520687944</v>
      </c>
      <c r="AV57" s="97">
        <v>0.17391747448673892</v>
      </c>
      <c r="AW57" s="88">
        <v>0.10794691655140168</v>
      </c>
      <c r="AX57" s="89">
        <v>3.8497878562662645E-2</v>
      </c>
      <c r="AY57" s="88">
        <v>0.17928055009367017</v>
      </c>
      <c r="AZ57" s="89">
        <v>4.6989065052946775E-2</v>
      </c>
      <c r="BA57" s="88">
        <v>0.7026864593604063</v>
      </c>
      <c r="BB57" s="89">
        <v>5.5587451368847338E-2</v>
      </c>
      <c r="BC57" s="88">
        <v>1.0086073994522373E-2</v>
      </c>
      <c r="BD57" s="89">
        <v>1.5807538490902197E-2</v>
      </c>
    </row>
    <row r="58" spans="1:56">
      <c r="A58" s="44" t="s">
        <v>554</v>
      </c>
      <c r="B58" s="99">
        <v>242</v>
      </c>
      <c r="C58" s="100">
        <v>5.6150631867283272</v>
      </c>
      <c r="D58" s="101">
        <v>0.17976909341179456</v>
      </c>
      <c r="E58" s="91">
        <v>7.9401829803142865E-2</v>
      </c>
      <c r="F58" s="92">
        <v>3.5796022089102174E-2</v>
      </c>
      <c r="G58" s="91">
        <v>0.10265839523447969</v>
      </c>
      <c r="H58" s="92">
        <v>3.9757849771364123E-2</v>
      </c>
      <c r="I58" s="91">
        <v>0.78492565013885995</v>
      </c>
      <c r="J58" s="92">
        <v>5.2797510902441384E-2</v>
      </c>
      <c r="K58" s="91">
        <v>3.3014124823517552E-2</v>
      </c>
      <c r="L58" s="92">
        <v>2.5168838287513158E-2</v>
      </c>
      <c r="M58" s="90">
        <v>240</v>
      </c>
      <c r="N58" s="100">
        <v>4.6527891935245691</v>
      </c>
      <c r="O58" s="101">
        <v>0.21688171597725067</v>
      </c>
      <c r="P58" s="91">
        <v>0.20097392748448695</v>
      </c>
      <c r="Q58" s="92">
        <v>5.1770469023836772E-2</v>
      </c>
      <c r="R58" s="91">
        <v>0.17688075492350561</v>
      </c>
      <c r="S58" s="92">
        <v>4.9421081970152721E-2</v>
      </c>
      <c r="T58" s="91">
        <v>0.525109025711749</v>
      </c>
      <c r="U58" s="92">
        <v>6.3940294681026202E-2</v>
      </c>
      <c r="V58" s="91">
        <v>9.7036291880259182E-2</v>
      </c>
      <c r="W58" s="92">
        <v>3.9025115374655146E-2</v>
      </c>
      <c r="X58" s="99">
        <v>241</v>
      </c>
      <c r="Y58" s="100">
        <v>5.448095044909639</v>
      </c>
      <c r="Z58" s="101">
        <v>0.18851006308281079</v>
      </c>
      <c r="AA58" s="91">
        <v>9.5026620686615312E-2</v>
      </c>
      <c r="AB58" s="92">
        <v>3.8610152056718965E-2</v>
      </c>
      <c r="AC58" s="91">
        <v>0.13226843534225416</v>
      </c>
      <c r="AD58" s="92">
        <v>4.4106181763968272E-2</v>
      </c>
      <c r="AE58" s="91">
        <v>0.74074930550312446</v>
      </c>
      <c r="AF58" s="92">
        <v>5.6267132705572293E-2</v>
      </c>
      <c r="AG58" s="91">
        <v>3.1955638468006226E-2</v>
      </c>
      <c r="AH58" s="92">
        <v>2.4917575953968658E-2</v>
      </c>
      <c r="AI58" s="90">
        <v>240</v>
      </c>
      <c r="AJ58" s="100">
        <v>5.3319389189040658</v>
      </c>
      <c r="AK58" s="101">
        <v>0.19616357428039283</v>
      </c>
      <c r="AL58" s="91">
        <v>9.5437416822117385E-2</v>
      </c>
      <c r="AM58" s="92">
        <v>3.8761859961757718E-2</v>
      </c>
      <c r="AN58" s="91">
        <v>0.16810979066305179</v>
      </c>
      <c r="AO58" s="92">
        <v>4.8490458454377092E-2</v>
      </c>
      <c r="AP58" s="91">
        <v>0.67739891838875066</v>
      </c>
      <c r="AQ58" s="92">
        <v>5.999357641353277E-2</v>
      </c>
      <c r="AR58" s="91">
        <v>5.9053874126080264E-2</v>
      </c>
      <c r="AS58" s="92">
        <v>3.1852407955944982E-2</v>
      </c>
      <c r="AT58" s="99">
        <v>241</v>
      </c>
      <c r="AU58" s="100">
        <v>5.1793125795529731</v>
      </c>
      <c r="AV58" s="101">
        <v>0.20475150627134375</v>
      </c>
      <c r="AW58" s="91">
        <v>0.1516965480652013</v>
      </c>
      <c r="AX58" s="92">
        <v>4.6530864690525989E-2</v>
      </c>
      <c r="AY58" s="91">
        <v>0.14622984302873682</v>
      </c>
      <c r="AZ58" s="92">
        <v>4.5874710451938819E-2</v>
      </c>
      <c r="BA58" s="91">
        <v>0.66804379552413062</v>
      </c>
      <c r="BB58" s="92">
        <v>6.0295305419810229E-2</v>
      </c>
      <c r="BC58" s="91">
        <v>3.4029813381931333E-2</v>
      </c>
      <c r="BD58" s="92">
        <v>2.552431712352899E-2</v>
      </c>
    </row>
    <row r="61" spans="1:56" ht="21" customHeight="1">
      <c r="A61" s="284" t="s">
        <v>33</v>
      </c>
      <c r="B61" s="284"/>
      <c r="C61" s="284"/>
      <c r="D61" s="284"/>
      <c r="E61" s="284"/>
      <c r="F61" s="284"/>
      <c r="G61" s="284"/>
      <c r="H61" s="284"/>
      <c r="I61" s="284"/>
      <c r="J61" s="284"/>
      <c r="K61" s="284"/>
      <c r="L61" s="284"/>
      <c r="M61" s="284"/>
      <c r="N61" s="284"/>
      <c r="O61" s="284"/>
      <c r="P61" s="284"/>
      <c r="Q61" s="284"/>
      <c r="R61" s="284"/>
      <c r="S61" s="284"/>
      <c r="T61" s="284"/>
      <c r="U61" s="284"/>
      <c r="V61" s="284"/>
      <c r="W61" s="284"/>
      <c r="X61" s="284"/>
      <c r="Y61" s="284"/>
      <c r="Z61" s="284"/>
      <c r="AA61" s="284"/>
      <c r="AB61" s="284"/>
      <c r="AC61" s="284"/>
      <c r="AD61" s="284"/>
      <c r="AE61" s="284"/>
      <c r="AF61" s="284"/>
      <c r="AG61" s="284"/>
      <c r="AH61" s="284"/>
      <c r="AI61" s="284"/>
      <c r="AJ61" s="284"/>
      <c r="AK61" s="284"/>
      <c r="AL61" s="284"/>
      <c r="AM61" s="284"/>
      <c r="AN61" s="284"/>
      <c r="AO61" s="284"/>
      <c r="AP61" s="284"/>
      <c r="AQ61" s="284"/>
      <c r="AR61" s="284"/>
      <c r="AS61" s="284"/>
    </row>
    <row r="62" spans="1:56" ht="73.5" customHeight="1">
      <c r="A62" s="371" t="s">
        <v>610</v>
      </c>
      <c r="B62" s="371"/>
      <c r="C62" s="371"/>
      <c r="D62" s="371"/>
      <c r="E62" s="371"/>
      <c r="F62" s="371"/>
      <c r="G62" s="371"/>
      <c r="H62" s="371"/>
      <c r="I62" s="371"/>
      <c r="J62" s="371"/>
      <c r="K62" s="371"/>
      <c r="L62" s="371"/>
      <c r="M62" s="371"/>
      <c r="N62" s="371"/>
      <c r="O62" s="371"/>
      <c r="P62" s="371"/>
      <c r="Q62" s="371"/>
      <c r="R62" s="371"/>
      <c r="S62" s="371"/>
      <c r="T62" s="371"/>
      <c r="U62" s="371"/>
      <c r="V62" s="371"/>
      <c r="W62" s="371"/>
      <c r="X62" s="371"/>
      <c r="Y62" s="371"/>
      <c r="Z62" s="371"/>
      <c r="AA62" s="371"/>
      <c r="AB62" s="371"/>
      <c r="AC62" s="371"/>
      <c r="AD62" s="371"/>
      <c r="AE62" s="371"/>
      <c r="AF62" s="371"/>
      <c r="AG62" s="371"/>
      <c r="AH62" s="371"/>
      <c r="AI62" s="371"/>
      <c r="AJ62" s="371"/>
      <c r="AK62" s="371"/>
      <c r="AL62" s="371"/>
      <c r="AM62" s="371"/>
      <c r="AN62" s="371"/>
      <c r="AO62" s="371"/>
      <c r="AP62" s="371"/>
      <c r="AQ62" s="371"/>
      <c r="AR62" s="371"/>
      <c r="AS62" s="371"/>
    </row>
    <row r="63" spans="1:56" ht="37.5" customHeight="1">
      <c r="A63" s="59"/>
      <c r="B63" s="375" t="s">
        <v>89</v>
      </c>
      <c r="C63" s="376"/>
      <c r="D63" s="376"/>
      <c r="E63" s="376"/>
      <c r="F63" s="376"/>
      <c r="G63" s="376"/>
      <c r="H63" s="376"/>
      <c r="I63" s="376"/>
      <c r="J63" s="376"/>
      <c r="K63" s="376"/>
      <c r="L63" s="377"/>
      <c r="M63" s="375" t="s">
        <v>90</v>
      </c>
      <c r="N63" s="376"/>
      <c r="O63" s="376"/>
      <c r="P63" s="376"/>
      <c r="Q63" s="376"/>
      <c r="R63" s="376"/>
      <c r="S63" s="376"/>
      <c r="T63" s="376"/>
      <c r="U63" s="376"/>
      <c r="V63" s="376"/>
      <c r="W63" s="377"/>
      <c r="X63" s="375" t="s">
        <v>91</v>
      </c>
      <c r="Y63" s="376"/>
      <c r="Z63" s="376"/>
      <c r="AA63" s="376"/>
      <c r="AB63" s="376"/>
      <c r="AC63" s="376"/>
      <c r="AD63" s="376"/>
      <c r="AE63" s="376"/>
      <c r="AF63" s="376"/>
      <c r="AG63" s="376"/>
      <c r="AH63" s="377"/>
      <c r="AI63" s="375" t="s">
        <v>528</v>
      </c>
      <c r="AJ63" s="376"/>
      <c r="AK63" s="376"/>
      <c r="AL63" s="376"/>
      <c r="AM63" s="376"/>
      <c r="AN63" s="376"/>
      <c r="AO63" s="376"/>
      <c r="AP63" s="376"/>
      <c r="AQ63" s="376"/>
      <c r="AR63" s="376"/>
      <c r="AS63" s="377"/>
    </row>
    <row r="64" spans="1:56" ht="72">
      <c r="A64" s="32" t="s">
        <v>71</v>
      </c>
      <c r="B64" s="33" t="s">
        <v>72</v>
      </c>
      <c r="C64" s="34" t="s">
        <v>593</v>
      </c>
      <c r="D64" s="35" t="s">
        <v>73</v>
      </c>
      <c r="E64" s="33" t="s">
        <v>162</v>
      </c>
      <c r="F64" s="84" t="s">
        <v>92</v>
      </c>
      <c r="G64" s="33" t="s">
        <v>163</v>
      </c>
      <c r="H64" s="84" t="s">
        <v>93</v>
      </c>
      <c r="I64" s="33" t="s">
        <v>164</v>
      </c>
      <c r="J64" s="84" t="s">
        <v>94</v>
      </c>
      <c r="K64" s="33" t="s">
        <v>301</v>
      </c>
      <c r="L64" s="84" t="s">
        <v>300</v>
      </c>
      <c r="M64" s="60" t="s">
        <v>72</v>
      </c>
      <c r="N64" s="61" t="s">
        <v>593</v>
      </c>
      <c r="O64" s="62" t="s">
        <v>73</v>
      </c>
      <c r="P64" s="60" t="s">
        <v>165</v>
      </c>
      <c r="Q64" s="83" t="s">
        <v>95</v>
      </c>
      <c r="R64" s="60" t="s">
        <v>166</v>
      </c>
      <c r="S64" s="83" t="s">
        <v>96</v>
      </c>
      <c r="T64" s="60" t="s">
        <v>167</v>
      </c>
      <c r="U64" s="83" t="s">
        <v>97</v>
      </c>
      <c r="V64" s="60" t="s">
        <v>301</v>
      </c>
      <c r="W64" s="83" t="s">
        <v>300</v>
      </c>
      <c r="X64" s="33" t="s">
        <v>72</v>
      </c>
      <c r="Y64" s="34" t="s">
        <v>593</v>
      </c>
      <c r="Z64" s="35" t="s">
        <v>73</v>
      </c>
      <c r="AA64" s="33" t="s">
        <v>168</v>
      </c>
      <c r="AB64" s="84" t="s">
        <v>98</v>
      </c>
      <c r="AC64" s="33" t="s">
        <v>169</v>
      </c>
      <c r="AD64" s="84" t="s">
        <v>99</v>
      </c>
      <c r="AE64" s="33" t="s">
        <v>170</v>
      </c>
      <c r="AF64" s="84" t="s">
        <v>100</v>
      </c>
      <c r="AG64" s="33" t="s">
        <v>301</v>
      </c>
      <c r="AH64" s="84" t="s">
        <v>300</v>
      </c>
      <c r="AI64" s="60" t="s">
        <v>72</v>
      </c>
      <c r="AJ64" s="61" t="s">
        <v>593</v>
      </c>
      <c r="AK64" s="62" t="s">
        <v>73</v>
      </c>
      <c r="AL64" s="60" t="s">
        <v>171</v>
      </c>
      <c r="AM64" s="83" t="s">
        <v>101</v>
      </c>
      <c r="AN64" s="60" t="s">
        <v>172</v>
      </c>
      <c r="AO64" s="83" t="s">
        <v>102</v>
      </c>
      <c r="AP64" s="60" t="s">
        <v>173</v>
      </c>
      <c r="AQ64" s="83" t="s">
        <v>103</v>
      </c>
      <c r="AR64" s="60" t="s">
        <v>301</v>
      </c>
      <c r="AS64" s="83" t="s">
        <v>300</v>
      </c>
    </row>
    <row r="65" spans="1:45" ht="93" customHeight="1">
      <c r="A65" s="36"/>
      <c r="B65" s="37" t="s">
        <v>74</v>
      </c>
      <c r="C65" s="38" t="s">
        <v>104</v>
      </c>
      <c r="D65" s="39" t="s">
        <v>76</v>
      </c>
      <c r="E65" s="37" t="s">
        <v>159</v>
      </c>
      <c r="F65" s="86" t="s">
        <v>88</v>
      </c>
      <c r="G65" s="37" t="s">
        <v>160</v>
      </c>
      <c r="H65" s="86" t="s">
        <v>88</v>
      </c>
      <c r="I65" s="37" t="s">
        <v>161</v>
      </c>
      <c r="J65" s="86" t="s">
        <v>88</v>
      </c>
      <c r="K65" s="37" t="s">
        <v>301</v>
      </c>
      <c r="L65" s="86" t="s">
        <v>88</v>
      </c>
      <c r="M65" s="63" t="s">
        <v>74</v>
      </c>
      <c r="N65" s="64" t="s">
        <v>104</v>
      </c>
      <c r="O65" s="65" t="s">
        <v>76</v>
      </c>
      <c r="P65" s="63" t="s">
        <v>159</v>
      </c>
      <c r="Q65" s="85" t="s">
        <v>88</v>
      </c>
      <c r="R65" s="63" t="s">
        <v>160</v>
      </c>
      <c r="S65" s="85" t="s">
        <v>88</v>
      </c>
      <c r="T65" s="63" t="s">
        <v>161</v>
      </c>
      <c r="U65" s="85" t="s">
        <v>88</v>
      </c>
      <c r="V65" s="63" t="s">
        <v>301</v>
      </c>
      <c r="W65" s="85" t="s">
        <v>88</v>
      </c>
      <c r="X65" s="37" t="s">
        <v>74</v>
      </c>
      <c r="Y65" s="38" t="s">
        <v>104</v>
      </c>
      <c r="Z65" s="39" t="s">
        <v>76</v>
      </c>
      <c r="AA65" s="37" t="s">
        <v>159</v>
      </c>
      <c r="AB65" s="86" t="s">
        <v>88</v>
      </c>
      <c r="AC65" s="37" t="s">
        <v>160</v>
      </c>
      <c r="AD65" s="86" t="s">
        <v>88</v>
      </c>
      <c r="AE65" s="37" t="s">
        <v>161</v>
      </c>
      <c r="AF65" s="86" t="s">
        <v>88</v>
      </c>
      <c r="AG65" s="37" t="s">
        <v>301</v>
      </c>
      <c r="AH65" s="86" t="s">
        <v>88</v>
      </c>
      <c r="AI65" s="63" t="s">
        <v>74</v>
      </c>
      <c r="AJ65" s="64" t="s">
        <v>104</v>
      </c>
      <c r="AK65" s="65" t="s">
        <v>76</v>
      </c>
      <c r="AL65" s="63" t="s">
        <v>159</v>
      </c>
      <c r="AM65" s="85" t="s">
        <v>88</v>
      </c>
      <c r="AN65" s="63" t="s">
        <v>160</v>
      </c>
      <c r="AO65" s="85" t="s">
        <v>88</v>
      </c>
      <c r="AP65" s="63" t="s">
        <v>161</v>
      </c>
      <c r="AQ65" s="85" t="s">
        <v>88</v>
      </c>
      <c r="AR65" s="63" t="s">
        <v>301</v>
      </c>
      <c r="AS65" s="85" t="s">
        <v>88</v>
      </c>
    </row>
    <row r="66" spans="1:45">
      <c r="A66" s="40" t="s">
        <v>350</v>
      </c>
      <c r="B66" s="95">
        <v>9587</v>
      </c>
      <c r="C66" s="96">
        <v>4.7645673363610266</v>
      </c>
      <c r="D66" s="97">
        <v>3.2470281938239864E-2</v>
      </c>
      <c r="E66" s="98">
        <v>0.19260779367091921</v>
      </c>
      <c r="F66" s="89">
        <v>8.0554027415301651E-3</v>
      </c>
      <c r="G66" s="98">
        <v>0.1910011506598602</v>
      </c>
      <c r="H66" s="89">
        <v>8.0297470112099534E-3</v>
      </c>
      <c r="I66" s="98">
        <v>0.59332223383235894</v>
      </c>
      <c r="J66" s="89">
        <v>1.0031713314593604E-2</v>
      </c>
      <c r="K66" s="88">
        <v>2.3068821836876016E-2</v>
      </c>
      <c r="L66" s="89">
        <v>3.0786677539269953E-3</v>
      </c>
      <c r="M66" s="95">
        <v>9525</v>
      </c>
      <c r="N66" s="96">
        <v>4.8634041288784955</v>
      </c>
      <c r="O66" s="97">
        <v>2.8981977849818125E-2</v>
      </c>
      <c r="P66" s="98">
        <v>0.15211679045525403</v>
      </c>
      <c r="Q66" s="89">
        <v>7.3609502787117158E-3</v>
      </c>
      <c r="R66" s="98">
        <v>0.2139504044151809</v>
      </c>
      <c r="S66" s="89">
        <v>8.4038157902556615E-3</v>
      </c>
      <c r="T66" s="98">
        <v>0.61699650465571054</v>
      </c>
      <c r="U66" s="89">
        <v>9.9600062311628133E-3</v>
      </c>
      <c r="V66" s="88">
        <v>1.6936300473869743E-2</v>
      </c>
      <c r="W66" s="89">
        <v>2.6591698489265765E-3</v>
      </c>
      <c r="X66" s="95">
        <v>9532</v>
      </c>
      <c r="Y66" s="96">
        <v>4.5434250236800198</v>
      </c>
      <c r="Z66" s="97">
        <v>3.2096927325012257E-2</v>
      </c>
      <c r="AA66" s="98">
        <v>0.21102858220833592</v>
      </c>
      <c r="AB66" s="89">
        <v>8.3587142342470694E-3</v>
      </c>
      <c r="AC66" s="98">
        <v>0.22363503398901788</v>
      </c>
      <c r="AD66" s="89">
        <v>8.5355176633382865E-3</v>
      </c>
      <c r="AE66" s="98">
        <v>0.51770555079985736</v>
      </c>
      <c r="AF66" s="89">
        <v>1.0233981926751921E-2</v>
      </c>
      <c r="AG66" s="88">
        <v>4.7630833002804358E-2</v>
      </c>
      <c r="AH66" s="89">
        <v>4.3703247696647738E-3</v>
      </c>
      <c r="AI66" s="95">
        <v>9523</v>
      </c>
      <c r="AJ66" s="96">
        <v>5.0396573548051702</v>
      </c>
      <c r="AK66" s="97">
        <v>2.9709827966179159E-2</v>
      </c>
      <c r="AL66" s="98">
        <v>0.13259713198835449</v>
      </c>
      <c r="AM66" s="89">
        <v>6.9525361740756355E-3</v>
      </c>
      <c r="AN66" s="98">
        <v>0.18688087604825138</v>
      </c>
      <c r="AO66" s="89">
        <v>7.9896733487732109E-3</v>
      </c>
      <c r="AP66" s="98">
        <v>0.67007233551241685</v>
      </c>
      <c r="AQ66" s="89">
        <v>9.6348725483679353E-3</v>
      </c>
      <c r="AR66" s="88">
        <v>1.0449656450990847E-2</v>
      </c>
      <c r="AS66" s="89">
        <v>2.103810063985888E-3</v>
      </c>
    </row>
    <row r="67" spans="1:45">
      <c r="A67" s="44" t="s">
        <v>351</v>
      </c>
      <c r="B67" s="99">
        <v>7203</v>
      </c>
      <c r="C67" s="100">
        <v>4.7479309104914273</v>
      </c>
      <c r="D67" s="101">
        <v>3.7710878836364599E-2</v>
      </c>
      <c r="E67" s="102">
        <v>0.19515814002687937</v>
      </c>
      <c r="F67" s="92">
        <v>9.3399353216683054E-3</v>
      </c>
      <c r="G67" s="102">
        <v>0.19035355791910077</v>
      </c>
      <c r="H67" s="92">
        <v>9.2518972962617949E-3</v>
      </c>
      <c r="I67" s="102">
        <v>0.5939864969946318</v>
      </c>
      <c r="J67" s="92">
        <v>1.1569646394047898E-2</v>
      </c>
      <c r="K67" s="91">
        <v>2.0501805059392125E-2</v>
      </c>
      <c r="L67" s="92">
        <v>3.3596357772601505E-3</v>
      </c>
      <c r="M67" s="99">
        <v>7153</v>
      </c>
      <c r="N67" s="100">
        <v>4.942380447568687</v>
      </c>
      <c r="O67" s="101">
        <v>3.3352412965629775E-2</v>
      </c>
      <c r="P67" s="102">
        <v>0.14204428375844136</v>
      </c>
      <c r="Q67" s="92">
        <v>8.2577890463465947E-3</v>
      </c>
      <c r="R67" s="102">
        <v>0.20676950433505983</v>
      </c>
      <c r="S67" s="92">
        <v>9.5771128563941522E-3</v>
      </c>
      <c r="T67" s="102">
        <v>0.63794247605367704</v>
      </c>
      <c r="U67" s="92">
        <v>1.1362241746809646E-2</v>
      </c>
      <c r="V67" s="91">
        <v>1.3243735852824789E-2</v>
      </c>
      <c r="W67" s="92">
        <v>2.7297955825830856E-3</v>
      </c>
      <c r="X67" s="99">
        <v>7160</v>
      </c>
      <c r="Y67" s="100">
        <v>4.406807802240631</v>
      </c>
      <c r="Z67" s="101">
        <v>3.768881409209994E-2</v>
      </c>
      <c r="AA67" s="102">
        <v>0.24370743026260969</v>
      </c>
      <c r="AB67" s="92">
        <v>1.0146537980582904E-2</v>
      </c>
      <c r="AC67" s="102">
        <v>0.225137811468125</v>
      </c>
      <c r="AD67" s="92">
        <v>9.8717380005026983E-3</v>
      </c>
      <c r="AE67" s="102">
        <v>0.48723641608191742</v>
      </c>
      <c r="AF67" s="92">
        <v>1.1810840982307648E-2</v>
      </c>
      <c r="AG67" s="91">
        <v>4.3918342187352577E-2</v>
      </c>
      <c r="AH67" s="92">
        <v>4.8553470116026376E-3</v>
      </c>
      <c r="AI67" s="99">
        <v>7151</v>
      </c>
      <c r="AJ67" s="100">
        <v>5.1012093799995002</v>
      </c>
      <c r="AK67" s="101">
        <v>3.4352209260024504E-2</v>
      </c>
      <c r="AL67" s="102">
        <v>0.12875691863748154</v>
      </c>
      <c r="AM67" s="92">
        <v>7.924614397251872E-3</v>
      </c>
      <c r="AN67" s="102">
        <v>0.17678537881662404</v>
      </c>
      <c r="AO67" s="92">
        <v>9.0235837056217814E-3</v>
      </c>
      <c r="AP67" s="102">
        <v>0.68718981784452582</v>
      </c>
      <c r="AQ67" s="92">
        <v>1.0963356522155991E-2</v>
      </c>
      <c r="AR67" s="91">
        <v>7.2678847013721605E-3</v>
      </c>
      <c r="AS67" s="92">
        <v>2.0457990671446584E-3</v>
      </c>
    </row>
    <row r="68" spans="1:45">
      <c r="A68" s="40" t="s">
        <v>352</v>
      </c>
      <c r="B68" s="95">
        <v>2384</v>
      </c>
      <c r="C68" s="96">
        <v>4.7811048007923818</v>
      </c>
      <c r="D68" s="97">
        <v>6.3701856656381756E-2</v>
      </c>
      <c r="E68" s="98">
        <v>0.19008583215813676</v>
      </c>
      <c r="F68" s="89">
        <v>1.6075341035770102E-2</v>
      </c>
      <c r="G68" s="98">
        <v>0.19164153582335763</v>
      </c>
      <c r="H68" s="89">
        <v>1.612520802485078E-2</v>
      </c>
      <c r="I68" s="98">
        <v>0.5926653637857785</v>
      </c>
      <c r="J68" s="89">
        <v>2.0110326896807636E-2</v>
      </c>
      <c r="K68" s="88">
        <v>2.5607268232729699E-2</v>
      </c>
      <c r="L68" s="89">
        <v>6.5617586368503754E-3</v>
      </c>
      <c r="M68" s="95">
        <v>2372</v>
      </c>
      <c r="N68" s="96">
        <v>4.7849602358788701</v>
      </c>
      <c r="O68" s="97">
        <v>5.8225632643737299E-2</v>
      </c>
      <c r="P68" s="98">
        <v>0.1620470442860093</v>
      </c>
      <c r="Q68" s="89">
        <v>1.5140866549873639E-2</v>
      </c>
      <c r="R68" s="98">
        <v>0.22102988946049026</v>
      </c>
      <c r="S68" s="89">
        <v>1.7038157395403375E-2</v>
      </c>
      <c r="T68" s="98">
        <v>0.59634635082859999</v>
      </c>
      <c r="U68" s="89">
        <v>2.0132081077849626E-2</v>
      </c>
      <c r="V68" s="88">
        <v>2.0576715424902456E-2</v>
      </c>
      <c r="W68" s="89">
        <v>5.9354776152824619E-3</v>
      </c>
      <c r="X68" s="95">
        <v>2372</v>
      </c>
      <c r="Y68" s="96">
        <v>4.6795675511580068</v>
      </c>
      <c r="Z68" s="97">
        <v>6.0088393487999082E-2</v>
      </c>
      <c r="AA68" s="98">
        <v>0.17871477233453401</v>
      </c>
      <c r="AB68" s="89">
        <v>1.5737913760833624E-2</v>
      </c>
      <c r="AC68" s="98">
        <v>0.22214904324472934</v>
      </c>
      <c r="AD68" s="89">
        <v>1.706881317262236E-2</v>
      </c>
      <c r="AE68" s="98">
        <v>0.54783433087983369</v>
      </c>
      <c r="AF68" s="89">
        <v>2.0421467150458297E-2</v>
      </c>
      <c r="AG68" s="88">
        <v>5.1301853540904302E-2</v>
      </c>
      <c r="AH68" s="89">
        <v>9.1146163776364073E-3</v>
      </c>
      <c r="AI68" s="95">
        <v>2372</v>
      </c>
      <c r="AJ68" s="96">
        <v>4.9785221347237956</v>
      </c>
      <c r="AK68" s="97">
        <v>5.9095460341213164E-2</v>
      </c>
      <c r="AL68" s="98">
        <v>0.13638705150860969</v>
      </c>
      <c r="AM68" s="89">
        <v>1.4108192763953682E-2</v>
      </c>
      <c r="AN68" s="98">
        <v>0.19684415634780802</v>
      </c>
      <c r="AO68" s="89">
        <v>1.6330226114806935E-2</v>
      </c>
      <c r="AP68" s="98">
        <v>0.65317903441146385</v>
      </c>
      <c r="AQ68" s="89">
        <v>1.9532202524649853E-2</v>
      </c>
      <c r="AR68" s="88">
        <v>1.35897577321204E-2</v>
      </c>
      <c r="AS68" s="89">
        <v>4.8895238745895594E-3</v>
      </c>
    </row>
    <row r="69" spans="1:45">
      <c r="A69" s="44" t="s">
        <v>534</v>
      </c>
      <c r="B69" s="99">
        <v>2166</v>
      </c>
      <c r="C69" s="100">
        <v>4.7936345927072201</v>
      </c>
      <c r="D69" s="101">
        <v>6.6931842741004249E-2</v>
      </c>
      <c r="E69" s="102">
        <v>0.19510364741359593</v>
      </c>
      <c r="F69" s="92">
        <v>1.7032396054051626E-2</v>
      </c>
      <c r="G69" s="102">
        <v>0.18155531609801187</v>
      </c>
      <c r="H69" s="92">
        <v>1.6570836048452067E-2</v>
      </c>
      <c r="I69" s="102">
        <v>0.60039448588257704</v>
      </c>
      <c r="J69" s="92">
        <v>2.1031381895510345E-2</v>
      </c>
      <c r="K69" s="91">
        <v>2.2946550605812549E-2</v>
      </c>
      <c r="L69" s="92">
        <v>6.5476963591933578E-3</v>
      </c>
      <c r="M69" s="99">
        <v>2151</v>
      </c>
      <c r="N69" s="100">
        <v>4.9162420621255842</v>
      </c>
      <c r="O69" s="101">
        <v>5.9390035503161943E-2</v>
      </c>
      <c r="P69" s="102">
        <v>0.13610183232388212</v>
      </c>
      <c r="Q69" s="92">
        <v>1.4803853305556473E-2</v>
      </c>
      <c r="R69" s="102">
        <v>0.21575844497026764</v>
      </c>
      <c r="S69" s="92">
        <v>1.773778530708631E-2</v>
      </c>
      <c r="T69" s="102">
        <v>0.62995401539381535</v>
      </c>
      <c r="U69" s="92">
        <v>2.0804005911833717E-2</v>
      </c>
      <c r="V69" s="91">
        <v>1.8185707312032295E-2</v>
      </c>
      <c r="W69" s="92">
        <v>5.8940339154828466E-3</v>
      </c>
      <c r="X69" s="99">
        <v>2157</v>
      </c>
      <c r="Y69" s="100">
        <v>4.6516638567422355</v>
      </c>
      <c r="Z69" s="101">
        <v>6.4765476065497748E-2</v>
      </c>
      <c r="AA69" s="102">
        <v>0.19798908079358601</v>
      </c>
      <c r="AB69" s="92">
        <v>1.7162249548705197E-2</v>
      </c>
      <c r="AC69" s="102">
        <v>0.20114173964616505</v>
      </c>
      <c r="AD69" s="92">
        <v>1.7263726316961228E-2</v>
      </c>
      <c r="AE69" s="102">
        <v>0.54363949431763536</v>
      </c>
      <c r="AF69" s="92">
        <v>2.142980915041123E-2</v>
      </c>
      <c r="AG69" s="91">
        <v>5.7229685242611718E-2</v>
      </c>
      <c r="AH69" s="92">
        <v>1.0060394701113716E-2</v>
      </c>
      <c r="AI69" s="99">
        <v>2158</v>
      </c>
      <c r="AJ69" s="100">
        <v>5.1029572325048509</v>
      </c>
      <c r="AK69" s="101">
        <v>6.098995850363368E-2</v>
      </c>
      <c r="AL69" s="102">
        <v>0.11446271164963084</v>
      </c>
      <c r="AM69" s="92">
        <v>1.3731298512398876E-2</v>
      </c>
      <c r="AN69" s="102">
        <v>0.18377255130721815</v>
      </c>
      <c r="AO69" s="92">
        <v>1.6679483006985307E-2</v>
      </c>
      <c r="AP69" s="102">
        <v>0.68998628340334289</v>
      </c>
      <c r="AQ69" s="92">
        <v>1.989977892568489E-2</v>
      </c>
      <c r="AR69" s="91">
        <v>1.1778453639804575E-2</v>
      </c>
      <c r="AS69" s="92">
        <v>4.8130459734963393E-3</v>
      </c>
    </row>
    <row r="70" spans="1:45">
      <c r="A70" s="40" t="s">
        <v>535</v>
      </c>
      <c r="B70" s="95">
        <v>1713</v>
      </c>
      <c r="C70" s="96">
        <v>4.7764731211964619</v>
      </c>
      <c r="D70" s="97">
        <v>7.4496045667445915E-2</v>
      </c>
      <c r="E70" s="98">
        <v>0.18796371722764757</v>
      </c>
      <c r="F70" s="89">
        <v>1.8884838696693888E-2</v>
      </c>
      <c r="G70" s="98">
        <v>0.18660639308626439</v>
      </c>
      <c r="H70" s="89">
        <v>1.8832649179585416E-2</v>
      </c>
      <c r="I70" s="98">
        <v>0.61095976772227578</v>
      </c>
      <c r="J70" s="89">
        <v>2.3534271154058192E-2</v>
      </c>
      <c r="K70" s="88">
        <v>1.447012196381452E-2</v>
      </c>
      <c r="L70" s="89">
        <v>5.9814965276836045E-3</v>
      </c>
      <c r="M70" s="95">
        <v>1701</v>
      </c>
      <c r="N70" s="96">
        <v>5.0481456226913028</v>
      </c>
      <c r="O70" s="97">
        <v>6.63641759735282E-2</v>
      </c>
      <c r="P70" s="98">
        <v>0.11048202588056111</v>
      </c>
      <c r="Q70" s="89">
        <v>1.5239000391391005E-2</v>
      </c>
      <c r="R70" s="98">
        <v>0.20777701617859431</v>
      </c>
      <c r="S70" s="89">
        <v>1.9675128898009875E-2</v>
      </c>
      <c r="T70" s="98">
        <v>0.66940452036206821</v>
      </c>
      <c r="U70" s="89">
        <v>2.2792528661835745E-2</v>
      </c>
      <c r="V70" s="88">
        <v>1.2336437578777027E-2</v>
      </c>
      <c r="W70" s="89">
        <v>5.5856523358847922E-3</v>
      </c>
      <c r="X70" s="95">
        <v>1705</v>
      </c>
      <c r="Y70" s="96">
        <v>4.4318746370823421</v>
      </c>
      <c r="Z70" s="97">
        <v>7.3311099206482988E-2</v>
      </c>
      <c r="AA70" s="98">
        <v>0.23682953268227319</v>
      </c>
      <c r="AB70" s="89">
        <v>2.0586209010088268E-2</v>
      </c>
      <c r="AC70" s="98">
        <v>0.21467824427439985</v>
      </c>
      <c r="AD70" s="89">
        <v>1.9886873217661832E-2</v>
      </c>
      <c r="AE70" s="98">
        <v>0.47983516662466824</v>
      </c>
      <c r="AF70" s="89">
        <v>2.4170027752190657E-2</v>
      </c>
      <c r="AG70" s="88">
        <v>6.8657056418660989E-2</v>
      </c>
      <c r="AH70" s="89">
        <v>1.2316595621783395E-2</v>
      </c>
      <c r="AI70" s="95">
        <v>1705</v>
      </c>
      <c r="AJ70" s="96">
        <v>5.1348496812713176</v>
      </c>
      <c r="AK70" s="97">
        <v>6.8559444321451543E-2</v>
      </c>
      <c r="AL70" s="98">
        <v>0.11597944885213886</v>
      </c>
      <c r="AM70" s="89">
        <v>1.554304606854686E-2</v>
      </c>
      <c r="AN70" s="98">
        <v>0.17378780584522496</v>
      </c>
      <c r="AO70" s="89">
        <v>1.8363927666719342E-2</v>
      </c>
      <c r="AP70" s="98">
        <v>0.70370085708079233</v>
      </c>
      <c r="AQ70" s="89">
        <v>2.2101419045925528E-2</v>
      </c>
      <c r="AR70" s="88">
        <v>6.5318882218447887E-3</v>
      </c>
      <c r="AS70" s="89">
        <v>4.2253067384159862E-3</v>
      </c>
    </row>
    <row r="71" spans="1:45">
      <c r="A71" s="44" t="s">
        <v>536</v>
      </c>
      <c r="B71" s="99">
        <v>245</v>
      </c>
      <c r="C71" s="100">
        <v>4.7037520027465813</v>
      </c>
      <c r="D71" s="101">
        <v>0.20462873082076272</v>
      </c>
      <c r="E71" s="102">
        <v>0.20976753878080875</v>
      </c>
      <c r="F71" s="92">
        <v>5.2019415953059651E-2</v>
      </c>
      <c r="G71" s="102">
        <v>0.20097988525113819</v>
      </c>
      <c r="H71" s="92">
        <v>5.1239512360556287E-2</v>
      </c>
      <c r="I71" s="102">
        <v>0.57985590042952784</v>
      </c>
      <c r="J71" s="92">
        <v>6.2585045358097224E-2</v>
      </c>
      <c r="K71" s="91">
        <v>9.3966755385255871E-3</v>
      </c>
      <c r="L71" s="92">
        <v>1.6515456662979034E-2</v>
      </c>
      <c r="M71" s="99">
        <v>240</v>
      </c>
      <c r="N71" s="100">
        <v>5.0138507861155661</v>
      </c>
      <c r="O71" s="101">
        <v>0.18006189349506491</v>
      </c>
      <c r="P71" s="102">
        <v>0.12957716281107506</v>
      </c>
      <c r="Q71" s="92">
        <v>4.3841898483024638E-2</v>
      </c>
      <c r="R71" s="102">
        <v>0.19294557959073103</v>
      </c>
      <c r="S71" s="92">
        <v>5.101967986940175E-2</v>
      </c>
      <c r="T71" s="102">
        <v>0.66691935971429106</v>
      </c>
      <c r="U71" s="92">
        <v>6.0468654681652828E-2</v>
      </c>
      <c r="V71" s="91">
        <v>1.0557897883902741E-2</v>
      </c>
      <c r="W71" s="92">
        <v>1.7290320097836921E-2</v>
      </c>
      <c r="X71" s="99">
        <v>244</v>
      </c>
      <c r="Y71" s="100">
        <v>4.0644778351988124</v>
      </c>
      <c r="Z71" s="101">
        <v>0.19831434136634812</v>
      </c>
      <c r="AA71" s="102">
        <v>0.31824456701283621</v>
      </c>
      <c r="AB71" s="92">
        <v>5.9299950365224466E-2</v>
      </c>
      <c r="AC71" s="102">
        <v>0.22094931195029802</v>
      </c>
      <c r="AD71" s="92">
        <v>5.3070611606241234E-2</v>
      </c>
      <c r="AE71" s="102">
        <v>0.41300163942072687</v>
      </c>
      <c r="AF71" s="92">
        <v>6.2562674172560562E-2</v>
      </c>
      <c r="AG71" s="91">
        <v>4.7804481616140204E-2</v>
      </c>
      <c r="AH71" s="92">
        <v>2.8977792602291861E-2</v>
      </c>
      <c r="AI71" s="99">
        <v>243</v>
      </c>
      <c r="AJ71" s="100">
        <v>5.1829280178271597</v>
      </c>
      <c r="AK71" s="101">
        <v>0.17311269095253187</v>
      </c>
      <c r="AL71" s="102">
        <v>8.2594200284859268E-2</v>
      </c>
      <c r="AM71" s="92">
        <v>3.6300523703489587E-2</v>
      </c>
      <c r="AN71" s="102">
        <v>0.20881370527592924</v>
      </c>
      <c r="AO71" s="92">
        <v>5.2149663548632881E-2</v>
      </c>
      <c r="AP71" s="102">
        <v>0.70859209443921145</v>
      </c>
      <c r="AQ71" s="92">
        <v>5.8022357745023595E-2</v>
      </c>
      <c r="AR71" s="91">
        <v>0</v>
      </c>
      <c r="AS71" s="92">
        <v>1.1404666915179629E-2</v>
      </c>
    </row>
    <row r="72" spans="1:45">
      <c r="A72" s="40" t="s">
        <v>537</v>
      </c>
      <c r="B72" s="95">
        <v>60</v>
      </c>
      <c r="C72" s="96">
        <v>4.9482998837604608</v>
      </c>
      <c r="D72" s="97">
        <v>0.38494885691870262</v>
      </c>
      <c r="E72" s="98">
        <v>0.14978171745513794</v>
      </c>
      <c r="F72" s="89">
        <v>9.4273421351293227E-2</v>
      </c>
      <c r="G72" s="98">
        <v>0.15325383123342168</v>
      </c>
      <c r="H72" s="89">
        <v>9.4975835036032213E-2</v>
      </c>
      <c r="I72" s="98">
        <v>0.68067247320175039</v>
      </c>
      <c r="J72" s="89">
        <v>0.11760906250073863</v>
      </c>
      <c r="K72" s="88">
        <v>1.629197810968951E-2</v>
      </c>
      <c r="L72" s="89">
        <v>5.2654102447783707E-2</v>
      </c>
      <c r="M72" s="95">
        <v>59</v>
      </c>
      <c r="N72" s="96">
        <v>4.8943547119980328</v>
      </c>
      <c r="O72" s="97">
        <v>0.36738711751392811</v>
      </c>
      <c r="P72" s="98">
        <v>0.17635920837918662</v>
      </c>
      <c r="Q72" s="89">
        <v>0.10020142777766732</v>
      </c>
      <c r="R72" s="98">
        <v>0.1968418717805798</v>
      </c>
      <c r="S72" s="89">
        <v>0.10370749948273718</v>
      </c>
      <c r="T72" s="98">
        <v>0.60402359027197761</v>
      </c>
      <c r="U72" s="89">
        <v>0.12357365374938067</v>
      </c>
      <c r="V72" s="88">
        <v>2.277532956825561E-2</v>
      </c>
      <c r="W72" s="89">
        <v>5.6488976452754025E-2</v>
      </c>
      <c r="X72" s="95">
        <v>60</v>
      </c>
      <c r="Y72" s="96">
        <v>4.5858086439806405</v>
      </c>
      <c r="Z72" s="97">
        <v>0.35281035788732201</v>
      </c>
      <c r="AA72" s="98">
        <v>0.20258913603282269</v>
      </c>
      <c r="AB72" s="89">
        <v>0.10375991228147502</v>
      </c>
      <c r="AC72" s="98">
        <v>0.2474442381368365</v>
      </c>
      <c r="AD72" s="89">
        <v>0.11009640119382479</v>
      </c>
      <c r="AE72" s="98">
        <v>0.53413757973269238</v>
      </c>
      <c r="AF72" s="89">
        <v>0.12474367348692231</v>
      </c>
      <c r="AG72" s="88">
        <v>1.5829046097647945E-2</v>
      </c>
      <c r="AH72" s="89">
        <v>5.2419859928645673E-2</v>
      </c>
      <c r="AI72" s="95">
        <v>60</v>
      </c>
      <c r="AJ72" s="96">
        <v>5.3175924172062725</v>
      </c>
      <c r="AK72" s="97">
        <v>0.33430118247268664</v>
      </c>
      <c r="AL72" s="98">
        <v>6.477667364013158E-2</v>
      </c>
      <c r="AM72" s="89">
        <v>7.224876939110754E-2</v>
      </c>
      <c r="AN72" s="98">
        <v>0.19143381306026006</v>
      </c>
      <c r="AO72" s="89">
        <v>0.10195483638701398</v>
      </c>
      <c r="AP72" s="98">
        <v>0.74378951329960796</v>
      </c>
      <c r="AQ72" s="89">
        <v>0.1111765706044065</v>
      </c>
      <c r="AR72" s="88">
        <v>0</v>
      </c>
      <c r="AS72" s="89">
        <v>4.3498159084609543E-2</v>
      </c>
    </row>
    <row r="73" spans="1:45">
      <c r="A73" s="44" t="s">
        <v>538</v>
      </c>
      <c r="B73" s="99">
        <v>43</v>
      </c>
      <c r="C73" s="100">
        <v>4.1859555136647426</v>
      </c>
      <c r="D73" s="101">
        <v>0.52531014039802904</v>
      </c>
      <c r="E73" s="102">
        <v>0.31497910712810173</v>
      </c>
      <c r="F73" s="92">
        <v>0.1372514902531827</v>
      </c>
      <c r="G73" s="102">
        <v>0.26496133998155297</v>
      </c>
      <c r="H73" s="92">
        <v>0.13168621302436581</v>
      </c>
      <c r="I73" s="102">
        <v>0.41760887017783488</v>
      </c>
      <c r="J73" s="92">
        <v>0.14419785121099002</v>
      </c>
      <c r="K73" s="91">
        <v>2.4506827125101347E-3</v>
      </c>
      <c r="L73" s="92">
        <v>6.0345590590801017E-2</v>
      </c>
      <c r="M73" s="99">
        <v>41</v>
      </c>
      <c r="N73" s="100">
        <v>4.8394937041692474</v>
      </c>
      <c r="O73" s="101">
        <v>0.41192717514199523</v>
      </c>
      <c r="P73" s="102">
        <v>0.14687767589670467</v>
      </c>
      <c r="Q73" s="92">
        <v>0.11411006133910827</v>
      </c>
      <c r="R73" s="102">
        <v>0.29643535875649651</v>
      </c>
      <c r="S73" s="92">
        <v>0.13843598655500253</v>
      </c>
      <c r="T73" s="102">
        <v>0.55668696534679873</v>
      </c>
      <c r="U73" s="92">
        <v>0.14827376220703647</v>
      </c>
      <c r="V73" s="91">
        <v>0</v>
      </c>
      <c r="W73" s="92">
        <v>6.1441307713563618E-2</v>
      </c>
      <c r="X73" s="99">
        <v>43</v>
      </c>
      <c r="Y73" s="100">
        <v>3.427041777055321</v>
      </c>
      <c r="Z73" s="101">
        <v>0.44874957324456533</v>
      </c>
      <c r="AA73" s="102">
        <v>0.39773613651347589</v>
      </c>
      <c r="AB73" s="92">
        <v>0.14328855646702651</v>
      </c>
      <c r="AC73" s="102">
        <v>0.32981831170159404</v>
      </c>
      <c r="AD73" s="92">
        <v>0.13861260545331103</v>
      </c>
      <c r="AE73" s="102">
        <v>0.20246311088785307</v>
      </c>
      <c r="AF73" s="92">
        <v>0.12235254648837184</v>
      </c>
      <c r="AG73" s="91">
        <v>6.9982440897076628E-2</v>
      </c>
      <c r="AH73" s="92">
        <v>9.0021487641623751E-2</v>
      </c>
      <c r="AI73" s="99">
        <v>42</v>
      </c>
      <c r="AJ73" s="100">
        <v>4.9259127974400956</v>
      </c>
      <c r="AK73" s="101">
        <v>0.5504814350167524</v>
      </c>
      <c r="AL73" s="102">
        <v>0.23741249352415189</v>
      </c>
      <c r="AM73" s="92">
        <v>0.12938587735094376</v>
      </c>
      <c r="AN73" s="102">
        <v>7.1223360934735427E-2</v>
      </c>
      <c r="AO73" s="92">
        <v>9.1715172479951285E-2</v>
      </c>
      <c r="AP73" s="102">
        <v>0.69136414554111236</v>
      </c>
      <c r="AQ73" s="92">
        <v>0.13814661365330225</v>
      </c>
      <c r="AR73" s="91">
        <v>0</v>
      </c>
      <c r="AS73" s="92">
        <v>6.0136006505054317E-2</v>
      </c>
    </row>
    <row r="74" spans="1:45">
      <c r="A74" s="40" t="s">
        <v>539</v>
      </c>
      <c r="B74" s="95">
        <v>46</v>
      </c>
      <c r="C74" s="96">
        <v>4.4974234318682065</v>
      </c>
      <c r="D74" s="97">
        <v>0.49298586172564179</v>
      </c>
      <c r="E74" s="98">
        <v>0.27826171860046217</v>
      </c>
      <c r="F74" s="89">
        <v>0.12911524114317702</v>
      </c>
      <c r="G74" s="98">
        <v>0.18832652763222096</v>
      </c>
      <c r="H74" s="89">
        <v>0.11585522168673784</v>
      </c>
      <c r="I74" s="98">
        <v>0.53341175376731653</v>
      </c>
      <c r="J74" s="89">
        <v>0.14115385233048561</v>
      </c>
      <c r="K74" s="88">
        <v>0</v>
      </c>
      <c r="L74" s="89">
        <v>5.542562584220407E-2</v>
      </c>
      <c r="M74" s="95">
        <v>45</v>
      </c>
      <c r="N74" s="96">
        <v>4.7595747939721482</v>
      </c>
      <c r="O74" s="97">
        <v>0.41921258023806268</v>
      </c>
      <c r="P74" s="98">
        <v>0.13803067740619798</v>
      </c>
      <c r="Q74" s="89">
        <v>0.1067120510112262</v>
      </c>
      <c r="R74" s="98">
        <v>0.23308553133628218</v>
      </c>
      <c r="S74" s="89">
        <v>0.12451160861966112</v>
      </c>
      <c r="T74" s="98">
        <v>0.62888379125751959</v>
      </c>
      <c r="U74" s="89">
        <v>0.1387966592051639</v>
      </c>
      <c r="V74" s="88">
        <v>0</v>
      </c>
      <c r="W74" s="89">
        <v>5.6532709707479055E-2</v>
      </c>
      <c r="X74" s="95">
        <v>45</v>
      </c>
      <c r="Y74" s="96">
        <v>3.6923548294787905</v>
      </c>
      <c r="Z74" s="97">
        <v>0.43426678017508585</v>
      </c>
      <c r="AA74" s="98">
        <v>0.42888100702271381</v>
      </c>
      <c r="AB74" s="89">
        <v>0.14163308874558245</v>
      </c>
      <c r="AC74" s="98">
        <v>0.23029410307397019</v>
      </c>
      <c r="AD74" s="89">
        <v>0.12409677434462121</v>
      </c>
      <c r="AE74" s="98">
        <v>0.34082488990331583</v>
      </c>
      <c r="AF74" s="89">
        <v>0.13661536946404917</v>
      </c>
      <c r="AG74" s="88">
        <v>0</v>
      </c>
      <c r="AH74" s="89">
        <v>5.6532709707479055E-2</v>
      </c>
      <c r="AI74" s="95">
        <v>46</v>
      </c>
      <c r="AJ74" s="96">
        <v>5.144218591221656</v>
      </c>
      <c r="AK74" s="97">
        <v>0.30229160464807103</v>
      </c>
      <c r="AL74" s="98">
        <v>4.9079554588950511E-2</v>
      </c>
      <c r="AM74" s="89">
        <v>7.894409384716683E-2</v>
      </c>
      <c r="AN74" s="98">
        <v>0.21532817672117013</v>
      </c>
      <c r="AO74" s="89">
        <v>0.12046888296835118</v>
      </c>
      <c r="AP74" s="98">
        <v>0.73559226868987926</v>
      </c>
      <c r="AQ74" s="89">
        <v>0.12744305516581483</v>
      </c>
      <c r="AR74" s="88">
        <v>0</v>
      </c>
      <c r="AS74" s="89">
        <v>5.542562584220407E-2</v>
      </c>
    </row>
    <row r="75" spans="1:45">
      <c r="A75" s="44" t="s">
        <v>540</v>
      </c>
      <c r="B75" s="99">
        <v>48</v>
      </c>
      <c r="C75" s="100">
        <v>5.2663515681881643</v>
      </c>
      <c r="D75" s="101">
        <v>0.43772121968231648</v>
      </c>
      <c r="E75" s="102">
        <v>0.15202711346455686</v>
      </c>
      <c r="F75" s="92">
        <v>0.10627499585818423</v>
      </c>
      <c r="G75" s="102">
        <v>0.11310737232107793</v>
      </c>
      <c r="H75" s="92">
        <v>9.7055487719790834E-2</v>
      </c>
      <c r="I75" s="102">
        <v>0.70555009314988393</v>
      </c>
      <c r="J75" s="92">
        <v>0.12830231234317513</v>
      </c>
      <c r="K75" s="91">
        <v>2.9315421064480787E-2</v>
      </c>
      <c r="L75" s="92">
        <v>6.8628769590047822E-2</v>
      </c>
      <c r="M75" s="99">
        <v>47</v>
      </c>
      <c r="N75" s="100">
        <v>5.3999356342518618</v>
      </c>
      <c r="O75" s="101">
        <v>0.3928400862933174</v>
      </c>
      <c r="P75" s="102">
        <v>5.2003063722968035E-2</v>
      </c>
      <c r="Q75" s="92">
        <v>7.8987060286051319E-2</v>
      </c>
      <c r="R75" s="102">
        <v>0.1182812437821907</v>
      </c>
      <c r="S75" s="92">
        <v>9.9508915877761908E-2</v>
      </c>
      <c r="T75" s="102">
        <v>0.82971569249484123</v>
      </c>
      <c r="U75" s="92">
        <v>0.11120436976366267</v>
      </c>
      <c r="V75" s="91">
        <v>0</v>
      </c>
      <c r="W75" s="92">
        <v>5.4361041575189964E-2</v>
      </c>
      <c r="X75" s="99">
        <v>48</v>
      </c>
      <c r="Y75" s="100">
        <v>4.3894327327118132</v>
      </c>
      <c r="Z75" s="101">
        <v>0.42782270825112922</v>
      </c>
      <c r="AA75" s="102">
        <v>0.21840278504903185</v>
      </c>
      <c r="AB75" s="92">
        <v>0.11846237075821425</v>
      </c>
      <c r="AC75" s="102">
        <v>0.22025435079915251</v>
      </c>
      <c r="AD75" s="92">
        <v>0.11874955675352253</v>
      </c>
      <c r="AE75" s="102">
        <v>0.44302486940370545</v>
      </c>
      <c r="AF75" s="92">
        <v>0.13790577510402166</v>
      </c>
      <c r="AG75" s="91">
        <v>0.11831799474811001</v>
      </c>
      <c r="AH75" s="92">
        <v>9.839844952917956E-2</v>
      </c>
      <c r="AI75" s="99">
        <v>47</v>
      </c>
      <c r="AJ75" s="100">
        <v>5.3201873890264997</v>
      </c>
      <c r="AK75" s="101">
        <v>0.38427790738848761</v>
      </c>
      <c r="AL75" s="102">
        <v>1.8747174795083931E-2</v>
      </c>
      <c r="AM75" s="92">
        <v>6.4656614840348695E-2</v>
      </c>
      <c r="AN75" s="102">
        <v>0.31284877735517558</v>
      </c>
      <c r="AO75" s="92">
        <v>0.13143347511308603</v>
      </c>
      <c r="AP75" s="102">
        <v>0.66840404784974028</v>
      </c>
      <c r="AQ75" s="92">
        <v>0.13311184640660192</v>
      </c>
      <c r="AR75" s="91">
        <v>0</v>
      </c>
      <c r="AS75" s="92">
        <v>5.4361041575189964E-2</v>
      </c>
    </row>
    <row r="76" spans="1:45">
      <c r="A76" s="40" t="s">
        <v>541</v>
      </c>
      <c r="B76" s="95">
        <v>48</v>
      </c>
      <c r="C76" s="96">
        <v>4.6119450992450473</v>
      </c>
      <c r="D76" s="97">
        <v>0.43078271099225252</v>
      </c>
      <c r="E76" s="98">
        <v>0.16834849034368879</v>
      </c>
      <c r="F76" s="89">
        <v>0.10964221152995537</v>
      </c>
      <c r="G76" s="98">
        <v>0.2870051242924922</v>
      </c>
      <c r="H76" s="89">
        <v>0.12750392167042165</v>
      </c>
      <c r="I76" s="98">
        <v>0.5446463853638186</v>
      </c>
      <c r="J76" s="89">
        <v>0.13820318573009877</v>
      </c>
      <c r="K76" s="88">
        <v>0</v>
      </c>
      <c r="L76" s="89">
        <v>5.3336557329348951E-2</v>
      </c>
      <c r="M76" s="95">
        <v>48</v>
      </c>
      <c r="N76" s="96">
        <v>5.2072375520224385</v>
      </c>
      <c r="O76" s="97">
        <v>0.42144004902378729</v>
      </c>
      <c r="P76" s="98">
        <v>0.12250709761310649</v>
      </c>
      <c r="Q76" s="89">
        <v>9.9452007042129031E-2</v>
      </c>
      <c r="R76" s="98">
        <v>0.12940349564581402</v>
      </c>
      <c r="S76" s="89">
        <v>0.10113778138302036</v>
      </c>
      <c r="T76" s="98">
        <v>0.72300261121303933</v>
      </c>
      <c r="U76" s="89">
        <v>0.12637744705632867</v>
      </c>
      <c r="V76" s="88">
        <v>2.5086795528039881E-2</v>
      </c>
      <c r="W76" s="89">
        <v>6.6692019489208526E-2</v>
      </c>
      <c r="X76" s="95">
        <v>48</v>
      </c>
      <c r="Y76" s="96">
        <v>4.1239290461670093</v>
      </c>
      <c r="Z76" s="97">
        <v>0.47701444960207917</v>
      </c>
      <c r="AA76" s="98">
        <v>0.35487773227114561</v>
      </c>
      <c r="AB76" s="89">
        <v>0.1336053263374273</v>
      </c>
      <c r="AC76" s="98">
        <v>9.2706770828807017E-2</v>
      </c>
      <c r="AD76" s="89">
        <v>9.142118803730237E-2</v>
      </c>
      <c r="AE76" s="98">
        <v>0.50224190584396733</v>
      </c>
      <c r="AF76" s="89">
        <v>0.13867386126344994</v>
      </c>
      <c r="AG76" s="88">
        <v>5.0173591056079762E-2</v>
      </c>
      <c r="AH76" s="89">
        <v>7.7255179732138912E-2</v>
      </c>
      <c r="AI76" s="95">
        <v>48</v>
      </c>
      <c r="AJ76" s="96">
        <v>5.1705407360529501</v>
      </c>
      <c r="AK76" s="97">
        <v>0.36633977610994373</v>
      </c>
      <c r="AL76" s="98">
        <v>6.1996719158143775E-2</v>
      </c>
      <c r="AM76" s="89">
        <v>8.1586594423303224E-2</v>
      </c>
      <c r="AN76" s="98">
        <v>0.24658622491479029</v>
      </c>
      <c r="AO76" s="89">
        <v>0.12256277601177613</v>
      </c>
      <c r="AP76" s="98">
        <v>0.69141705592706559</v>
      </c>
      <c r="AQ76" s="89">
        <v>0.12972743658118652</v>
      </c>
      <c r="AR76" s="88">
        <v>0</v>
      </c>
      <c r="AS76" s="89">
        <v>5.3336557329348951E-2</v>
      </c>
    </row>
    <row r="77" spans="1:45">
      <c r="A77" s="44" t="s">
        <v>542</v>
      </c>
      <c r="B77" s="99">
        <v>408</v>
      </c>
      <c r="C77" s="100">
        <v>4.9845258938207788</v>
      </c>
      <c r="D77" s="101">
        <v>0.14150100613367414</v>
      </c>
      <c r="E77" s="102">
        <v>0.15189786827095619</v>
      </c>
      <c r="F77" s="92">
        <v>3.5685573819573109E-2</v>
      </c>
      <c r="G77" s="102">
        <v>0.16000738348165153</v>
      </c>
      <c r="H77" s="92">
        <v>3.6422372229933393E-2</v>
      </c>
      <c r="I77" s="102">
        <v>0.67575039020374672</v>
      </c>
      <c r="J77" s="92">
        <v>4.6185428259437611E-2</v>
      </c>
      <c r="K77" s="91">
        <v>1.2344358043643189E-2</v>
      </c>
      <c r="L77" s="92">
        <v>1.2766457391896139E-2</v>
      </c>
      <c r="M77" s="99">
        <v>404</v>
      </c>
      <c r="N77" s="100">
        <v>5.095563904825644</v>
      </c>
      <c r="O77" s="101">
        <v>0.13084614533063918</v>
      </c>
      <c r="P77" s="102">
        <v>0.10354466364272964</v>
      </c>
      <c r="Q77" s="92">
        <v>3.0661011460840902E-2</v>
      </c>
      <c r="R77" s="102">
        <v>0.1888345533697256</v>
      </c>
      <c r="S77" s="92">
        <v>3.8990354129149293E-2</v>
      </c>
      <c r="T77" s="102">
        <v>0.68954920556035304</v>
      </c>
      <c r="U77" s="92">
        <v>4.5886917008432344E-2</v>
      </c>
      <c r="V77" s="91">
        <v>1.8071577427189324E-2</v>
      </c>
      <c r="W77" s="92">
        <v>1.4778326600815581E-2</v>
      </c>
      <c r="X77" s="99">
        <v>402</v>
      </c>
      <c r="Y77" s="100">
        <v>4.4064510856150836</v>
      </c>
      <c r="Z77" s="101">
        <v>0.1505951075514857</v>
      </c>
      <c r="AA77" s="102">
        <v>0.25989108785935305</v>
      </c>
      <c r="AB77" s="92">
        <v>4.3659917243508664E-2</v>
      </c>
      <c r="AC77" s="102">
        <v>0.1987481908070233</v>
      </c>
      <c r="AD77" s="92">
        <v>3.9830523737462473E-2</v>
      </c>
      <c r="AE77" s="102">
        <v>0.50620963191745527</v>
      </c>
      <c r="AF77" s="92">
        <v>4.9625414246491285E-2</v>
      </c>
      <c r="AG77" s="91">
        <v>3.5151089416166868E-2</v>
      </c>
      <c r="AH77" s="92">
        <v>1.9387756708195408E-2</v>
      </c>
      <c r="AI77" s="99">
        <v>405</v>
      </c>
      <c r="AJ77" s="100">
        <v>5.4316759428138841</v>
      </c>
      <c r="AK77" s="101">
        <v>0.12756856612617787</v>
      </c>
      <c r="AL77" s="102">
        <v>7.1664841150285249E-2</v>
      </c>
      <c r="AM77" s="92">
        <v>2.6183501055523573E-2</v>
      </c>
      <c r="AN77" s="102">
        <v>0.12214176635252284</v>
      </c>
      <c r="AO77" s="92">
        <v>3.2799636252996783E-2</v>
      </c>
      <c r="AP77" s="102">
        <v>0.80302687766116276</v>
      </c>
      <c r="AQ77" s="92">
        <v>3.9552759135836418E-2</v>
      </c>
      <c r="AR77" s="91">
        <v>3.1665148360272011E-3</v>
      </c>
      <c r="AS77" s="92">
        <v>8.8237914787082337E-3</v>
      </c>
    </row>
    <row r="78" spans="1:45">
      <c r="A78" s="40" t="s">
        <v>543</v>
      </c>
      <c r="B78" s="78">
        <v>40</v>
      </c>
      <c r="C78" s="79">
        <v>5.129073812548774</v>
      </c>
      <c r="D78" s="80">
        <v>0.53501714744220907</v>
      </c>
      <c r="E78" s="93">
        <v>0.11863700538834246</v>
      </c>
      <c r="F78" s="89">
        <v>0.10862928029081773</v>
      </c>
      <c r="G78" s="93">
        <v>0.15285623766405862</v>
      </c>
      <c r="H78" s="89">
        <v>0.1169327534988165</v>
      </c>
      <c r="I78" s="93">
        <v>0.66224717731003335</v>
      </c>
      <c r="J78" s="89">
        <v>0.14404686957803403</v>
      </c>
      <c r="K78" s="93">
        <v>6.6259579637565846E-2</v>
      </c>
      <c r="L78" s="89">
        <v>9.2696984092207946E-2</v>
      </c>
      <c r="M78" s="78">
        <v>40</v>
      </c>
      <c r="N78" s="79">
        <v>5.1883909623507094</v>
      </c>
      <c r="O78" s="80">
        <v>0.45663648839476573</v>
      </c>
      <c r="P78" s="93">
        <v>6.5233053991375703E-2</v>
      </c>
      <c r="Q78" s="89">
        <v>9.233497581063993E-2</v>
      </c>
      <c r="R78" s="93">
        <v>0.20674159438480147</v>
      </c>
      <c r="S78" s="89">
        <v>0.1275379490189972</v>
      </c>
      <c r="T78" s="93">
        <v>0.67388603111949774</v>
      </c>
      <c r="U78" s="89">
        <v>0.1430229731987934</v>
      </c>
      <c r="V78" s="93">
        <v>5.4139320504325378E-2</v>
      </c>
      <c r="W78" s="89">
        <v>8.8270916255713802E-2</v>
      </c>
      <c r="X78" s="78">
        <v>40</v>
      </c>
      <c r="Y78" s="79">
        <v>4.9246804283475161</v>
      </c>
      <c r="Z78" s="80">
        <v>0.51669479580906486</v>
      </c>
      <c r="AA78" s="93">
        <v>0.14566235921068293</v>
      </c>
      <c r="AB78" s="89">
        <v>0.11530016238939933</v>
      </c>
      <c r="AC78" s="93">
        <v>0.12922437267577666</v>
      </c>
      <c r="AD78" s="89">
        <v>0.11134902389621235</v>
      </c>
      <c r="AE78" s="93">
        <v>0.67349516410862165</v>
      </c>
      <c r="AF78" s="89">
        <v>0.14305863204880584</v>
      </c>
      <c r="AG78" s="93">
        <v>5.1618104004918973E-2</v>
      </c>
      <c r="AH78" s="89">
        <v>8.7306155505612965E-2</v>
      </c>
      <c r="AI78" s="78">
        <v>39</v>
      </c>
      <c r="AJ78" s="79">
        <v>5.7842083391945822</v>
      </c>
      <c r="AK78" s="80">
        <v>0.43124445221957142</v>
      </c>
      <c r="AL78" s="93">
        <v>0.11772959032840952</v>
      </c>
      <c r="AM78" s="89">
        <v>0.10988023850556151</v>
      </c>
      <c r="AN78" s="93">
        <v>4.2020275476545674E-2</v>
      </c>
      <c r="AO78" s="89">
        <v>8.4886781810927819E-2</v>
      </c>
      <c r="AP78" s="93">
        <v>0.8402501341950448</v>
      </c>
      <c r="AQ78" s="89">
        <v>0.11998708556585586</v>
      </c>
      <c r="AR78" s="93">
        <v>0</v>
      </c>
      <c r="AS78" s="89">
        <v>6.4229455226840551E-2</v>
      </c>
    </row>
    <row r="79" spans="1:45">
      <c r="A79" s="44" t="s">
        <v>550</v>
      </c>
      <c r="B79" s="99">
        <v>83</v>
      </c>
      <c r="C79" s="100">
        <v>4.7659856304771289</v>
      </c>
      <c r="D79" s="101">
        <v>0.28832147505290062</v>
      </c>
      <c r="E79" s="102">
        <v>0.15891769960894037</v>
      </c>
      <c r="F79" s="92">
        <v>8.1399993959407363E-2</v>
      </c>
      <c r="G79" s="102">
        <v>0.21017685497046695</v>
      </c>
      <c r="H79" s="92">
        <v>8.9326699240542706E-2</v>
      </c>
      <c r="I79" s="102">
        <v>0.61247688784799603</v>
      </c>
      <c r="J79" s="92">
        <v>0.10471318721577415</v>
      </c>
      <c r="K79" s="91">
        <v>1.8428557572596226E-2</v>
      </c>
      <c r="L79" s="92">
        <v>4.2303700449233574E-2</v>
      </c>
      <c r="M79" s="99">
        <v>83</v>
      </c>
      <c r="N79" s="100">
        <v>4.8583025357950298</v>
      </c>
      <c r="O79" s="101">
        <v>0.29288010044869145</v>
      </c>
      <c r="P79" s="102">
        <v>0.13625586673095463</v>
      </c>
      <c r="Q79" s="92">
        <v>7.7185233424513319E-2</v>
      </c>
      <c r="R79" s="102">
        <v>0.2009827414806924</v>
      </c>
      <c r="S79" s="92">
        <v>8.8049464797479368E-2</v>
      </c>
      <c r="T79" s="102">
        <v>0.63767007559205235</v>
      </c>
      <c r="U79" s="92">
        <v>0.10344629232911574</v>
      </c>
      <c r="V79" s="91">
        <v>2.5091316196300152E-2</v>
      </c>
      <c r="W79" s="92">
        <v>4.5346244002562923E-2</v>
      </c>
      <c r="X79" s="99">
        <v>82</v>
      </c>
      <c r="Y79" s="100">
        <v>4.1006992517629834</v>
      </c>
      <c r="Z79" s="101">
        <v>0.31128009277310781</v>
      </c>
      <c r="AA79" s="102">
        <v>0.28349205890408752</v>
      </c>
      <c r="AB79" s="92">
        <v>9.8212733734974092E-2</v>
      </c>
      <c r="AC79" s="102">
        <v>0.25124043128395301</v>
      </c>
      <c r="AD79" s="92">
        <v>9.4927440906583643E-2</v>
      </c>
      <c r="AE79" s="102">
        <v>0.42025902328160825</v>
      </c>
      <c r="AF79" s="92">
        <v>0.10657874491830416</v>
      </c>
      <c r="AG79" s="91">
        <v>4.5008486530350771E-2</v>
      </c>
      <c r="AH79" s="92">
        <v>5.3610263167932617E-2</v>
      </c>
      <c r="AI79" s="99">
        <v>82</v>
      </c>
      <c r="AJ79" s="100">
        <v>5.0090409396523512</v>
      </c>
      <c r="AK79" s="101">
        <v>0.28171798361089639</v>
      </c>
      <c r="AL79" s="102">
        <v>0.10019220980796295</v>
      </c>
      <c r="AM79" s="92">
        <v>6.9776170653860936E-2</v>
      </c>
      <c r="AN79" s="102">
        <v>0.17776118021616658</v>
      </c>
      <c r="AO79" s="92">
        <v>8.5070926044063536E-2</v>
      </c>
      <c r="AP79" s="102">
        <v>0.72204660997587022</v>
      </c>
      <c r="AQ79" s="92">
        <v>9.7688428305844344E-2</v>
      </c>
      <c r="AR79" s="91">
        <v>0</v>
      </c>
      <c r="AS79" s="92">
        <v>3.2504011252172456E-2</v>
      </c>
    </row>
    <row r="80" spans="1:45">
      <c r="A80" s="52" t="s">
        <v>544</v>
      </c>
      <c r="B80" s="95">
        <v>76</v>
      </c>
      <c r="C80" s="96">
        <v>4.6577590538979532</v>
      </c>
      <c r="D80" s="97">
        <v>0.37112616020268197</v>
      </c>
      <c r="E80" s="98">
        <v>0.26835384097937415</v>
      </c>
      <c r="F80" s="89">
        <v>0.10039220623445311</v>
      </c>
      <c r="G80" s="98">
        <v>0.12333357991193918</v>
      </c>
      <c r="H80" s="89">
        <v>7.8088242777061237E-2</v>
      </c>
      <c r="I80" s="98">
        <v>0.60772347682258177</v>
      </c>
      <c r="J80" s="89">
        <v>0.10943652873206514</v>
      </c>
      <c r="K80" s="88">
        <v>5.8910228610495406E-4</v>
      </c>
      <c r="L80" s="89">
        <v>3.5289057516638793E-2</v>
      </c>
      <c r="M80" s="95">
        <v>75</v>
      </c>
      <c r="N80" s="96">
        <v>4.8941730873431615</v>
      </c>
      <c r="O80" s="97">
        <v>0.34009794760744899</v>
      </c>
      <c r="P80" s="98">
        <v>0.18093989232220203</v>
      </c>
      <c r="Q80" s="89">
        <v>8.9513017426342392E-2</v>
      </c>
      <c r="R80" s="98">
        <v>0.12714125868652795</v>
      </c>
      <c r="S80" s="89">
        <v>7.9459658950094145E-2</v>
      </c>
      <c r="T80" s="98">
        <v>0.69132042843878094</v>
      </c>
      <c r="U80" s="89">
        <v>0.10482277695817249</v>
      </c>
      <c r="V80" s="88">
        <v>5.9842055248908368E-4</v>
      </c>
      <c r="W80" s="89">
        <v>3.5730754879879964E-2</v>
      </c>
      <c r="X80" s="95">
        <v>76</v>
      </c>
      <c r="Y80" s="96">
        <v>4.0131265092376047</v>
      </c>
      <c r="Z80" s="97">
        <v>0.33514521488227578</v>
      </c>
      <c r="AA80" s="98">
        <v>0.40467474485451399</v>
      </c>
      <c r="AB80" s="89">
        <v>0.10995432435735118</v>
      </c>
      <c r="AC80" s="98">
        <v>0.13682301043849018</v>
      </c>
      <c r="AD80" s="89">
        <v>8.0920480415457158E-2</v>
      </c>
      <c r="AE80" s="98">
        <v>0.44775099830445619</v>
      </c>
      <c r="AF80" s="89">
        <v>0.11125111521782416</v>
      </c>
      <c r="AG80" s="88">
        <v>1.0751246402539489E-2</v>
      </c>
      <c r="AH80" s="89">
        <v>4.1215094647323425E-2</v>
      </c>
      <c r="AI80" s="95">
        <v>76</v>
      </c>
      <c r="AJ80" s="96">
        <v>5.351415991743373</v>
      </c>
      <c r="AK80" s="97">
        <v>0.30403676717758293</v>
      </c>
      <c r="AL80" s="98">
        <v>4.5549298016096661E-2</v>
      </c>
      <c r="AM80" s="89">
        <v>5.6396272003728036E-2</v>
      </c>
      <c r="AN80" s="98">
        <v>0.13215058391374276</v>
      </c>
      <c r="AO80" s="89">
        <v>7.9962442244535067E-2</v>
      </c>
      <c r="AP80" s="98">
        <v>0.80787095562161593</v>
      </c>
      <c r="AQ80" s="89">
        <v>9.0679922227271809E-2</v>
      </c>
      <c r="AR80" s="88">
        <v>1.4429162448544497E-2</v>
      </c>
      <c r="AS80" s="89">
        <v>4.3133176298482331E-2</v>
      </c>
    </row>
    <row r="81" spans="1:45">
      <c r="A81" s="44" t="s">
        <v>545</v>
      </c>
      <c r="B81" s="99">
        <v>104</v>
      </c>
      <c r="C81" s="100">
        <v>5.4457590336828252</v>
      </c>
      <c r="D81" s="101">
        <v>0.24197597183695163</v>
      </c>
      <c r="E81" s="102">
        <v>6.6401684734916103E-2</v>
      </c>
      <c r="F81" s="92">
        <v>5.2936399506388697E-2</v>
      </c>
      <c r="G81" s="102">
        <v>0.13591105711827745</v>
      </c>
      <c r="H81" s="92">
        <v>6.8604264506355414E-2</v>
      </c>
      <c r="I81" s="102">
        <v>0.78990335964899838</v>
      </c>
      <c r="J81" s="92">
        <v>7.9829966014216575E-2</v>
      </c>
      <c r="K81" s="91">
        <v>7.7838984978078887E-3</v>
      </c>
      <c r="L81" s="92">
        <v>3.063367174697753E-2</v>
      </c>
      <c r="M81" s="99">
        <v>103</v>
      </c>
      <c r="N81" s="100">
        <v>5.261707373527055</v>
      </c>
      <c r="O81" s="101">
        <v>0.23745133017637349</v>
      </c>
      <c r="P81" s="102">
        <v>6.6981834525824568E-2</v>
      </c>
      <c r="Q81" s="92">
        <v>5.3390564287294245E-2</v>
      </c>
      <c r="R81" s="102">
        <v>0.18113034318553464</v>
      </c>
      <c r="S81" s="92">
        <v>7.6312718602987883E-2</v>
      </c>
      <c r="T81" s="102">
        <v>0.73106616612779551</v>
      </c>
      <c r="U81" s="92">
        <v>8.6581106777787589E-2</v>
      </c>
      <c r="V81" s="91">
        <v>2.0821656160845244E-2</v>
      </c>
      <c r="W81" s="92">
        <v>3.7308752443768078E-2</v>
      </c>
      <c r="X81" s="99">
        <v>101</v>
      </c>
      <c r="Y81" s="100">
        <v>4.8198888630526699</v>
      </c>
      <c r="Z81" s="101">
        <v>0.28529286341781013</v>
      </c>
      <c r="AA81" s="102">
        <v>0.16831026951634584</v>
      </c>
      <c r="AB81" s="92">
        <v>7.5139131639661183E-2</v>
      </c>
      <c r="AC81" s="102">
        <v>0.17273113219547462</v>
      </c>
      <c r="AD81" s="92">
        <v>7.5819340842295829E-2</v>
      </c>
      <c r="AE81" s="102">
        <v>0.61853947067054726</v>
      </c>
      <c r="AF81" s="92">
        <v>9.50185145066621E-2</v>
      </c>
      <c r="AG81" s="91">
        <v>4.041912761763182E-2</v>
      </c>
      <c r="AH81" s="92">
        <v>4.5595085983437512E-2</v>
      </c>
      <c r="AI81" s="99">
        <v>103</v>
      </c>
      <c r="AJ81" s="100">
        <v>5.7684966541052036</v>
      </c>
      <c r="AK81" s="101">
        <v>0.20515847635115395</v>
      </c>
      <c r="AL81" s="102">
        <v>2.4737389132726845E-2</v>
      </c>
      <c r="AM81" s="92">
        <v>3.9005203273466967E-2</v>
      </c>
      <c r="AN81" s="102">
        <v>9.9867195078325033E-2</v>
      </c>
      <c r="AO81" s="92">
        <v>6.164127492764164E-2</v>
      </c>
      <c r="AP81" s="102">
        <v>0.87496574358046486</v>
      </c>
      <c r="AQ81" s="92">
        <v>6.6898249195288348E-2</v>
      </c>
      <c r="AR81" s="91">
        <v>4.2967220848303268E-4</v>
      </c>
      <c r="AS81" s="92">
        <v>2.6468242209949863E-2</v>
      </c>
    </row>
    <row r="82" spans="1:45">
      <c r="A82" s="52" t="s">
        <v>546</v>
      </c>
      <c r="B82" s="95">
        <v>56</v>
      </c>
      <c r="C82" s="96">
        <v>5.1268162513283402</v>
      </c>
      <c r="D82" s="97">
        <v>0.3338453643121726</v>
      </c>
      <c r="E82" s="98">
        <v>0.15467361279868494</v>
      </c>
      <c r="F82" s="89">
        <v>9.86981008714998E-2</v>
      </c>
      <c r="G82" s="98">
        <v>0.10790704873292292</v>
      </c>
      <c r="H82" s="89">
        <v>8.7968969348949683E-2</v>
      </c>
      <c r="I82" s="98">
        <v>0.73741933846839192</v>
      </c>
      <c r="J82" s="89">
        <v>0.11572878039349725</v>
      </c>
      <c r="K82" s="88">
        <v>0</v>
      </c>
      <c r="L82" s="89">
        <v>4.6348119143587135E-2</v>
      </c>
      <c r="M82" s="95">
        <v>55</v>
      </c>
      <c r="N82" s="96">
        <v>5.5271803239452773</v>
      </c>
      <c r="O82" s="97">
        <v>0.31689138998339406</v>
      </c>
      <c r="P82" s="98">
        <v>3.5082740172364998E-2</v>
      </c>
      <c r="Q82" s="89">
        <v>6.492063167170431E-2</v>
      </c>
      <c r="R82" s="98">
        <v>0.16829555456263026</v>
      </c>
      <c r="S82" s="89">
        <v>0.10230743303942012</v>
      </c>
      <c r="T82" s="98">
        <v>0.79662170526500464</v>
      </c>
      <c r="U82" s="89">
        <v>0.10846892769300813</v>
      </c>
      <c r="V82" s="88">
        <v>0</v>
      </c>
      <c r="W82" s="89">
        <v>4.7119904748779487E-2</v>
      </c>
      <c r="X82" s="95">
        <v>55</v>
      </c>
      <c r="Y82" s="96">
        <v>4.6579861581762145</v>
      </c>
      <c r="Z82" s="97">
        <v>0.37512063437393095</v>
      </c>
      <c r="AA82" s="98">
        <v>0.20966350095996311</v>
      </c>
      <c r="AB82" s="89">
        <v>0.1094662343982063</v>
      </c>
      <c r="AC82" s="98">
        <v>0.28125569908397535</v>
      </c>
      <c r="AD82" s="89">
        <v>0.11887010648322222</v>
      </c>
      <c r="AE82" s="98">
        <v>0.49365571936687097</v>
      </c>
      <c r="AF82" s="89">
        <v>0.13017980335232368</v>
      </c>
      <c r="AG82" s="88">
        <v>1.542508058919043E-2</v>
      </c>
      <c r="AH82" s="89">
        <v>5.5812573242999368E-2</v>
      </c>
      <c r="AI82" s="95">
        <v>56</v>
      </c>
      <c r="AJ82" s="96">
        <v>5.5659592587521205</v>
      </c>
      <c r="AK82" s="97">
        <v>0.36013065810770806</v>
      </c>
      <c r="AL82" s="98">
        <v>7.5530268609829046E-2</v>
      </c>
      <c r="AM82" s="89">
        <v>7.8760372886608587E-2</v>
      </c>
      <c r="AN82" s="98">
        <v>6.2363422212731431E-2</v>
      </c>
      <c r="AO82" s="89">
        <v>7.4457938916369287E-2</v>
      </c>
      <c r="AP82" s="98">
        <v>0.86210630917743913</v>
      </c>
      <c r="AQ82" s="89">
        <v>9.5141669162730799E-2</v>
      </c>
      <c r="AR82" s="88">
        <v>0</v>
      </c>
      <c r="AS82" s="89">
        <v>4.6348119143587135E-2</v>
      </c>
    </row>
    <row r="83" spans="1:45">
      <c r="A83" s="44" t="s">
        <v>547</v>
      </c>
      <c r="B83" s="99">
        <v>49</v>
      </c>
      <c r="C83" s="100">
        <v>4.6421471674529284</v>
      </c>
      <c r="D83" s="101">
        <v>0.41261145424592971</v>
      </c>
      <c r="E83" s="102">
        <v>0.14157640803619206</v>
      </c>
      <c r="F83" s="92">
        <v>0.10286173073264217</v>
      </c>
      <c r="G83" s="102">
        <v>0.26303749151146161</v>
      </c>
      <c r="H83" s="92">
        <v>0.1234731934439157</v>
      </c>
      <c r="I83" s="102">
        <v>0.59375458832555161</v>
      </c>
      <c r="J83" s="92">
        <v>0.13528078159748991</v>
      </c>
      <c r="K83" s="91">
        <v>1.6315121267950941E-3</v>
      </c>
      <c r="L83" s="92">
        <v>5.3344108087416985E-2</v>
      </c>
      <c r="M83" s="99">
        <v>48</v>
      </c>
      <c r="N83" s="100">
        <v>4.9646906382080713</v>
      </c>
      <c r="O83" s="101">
        <v>0.35246262969002251</v>
      </c>
      <c r="P83" s="102">
        <v>8.9350819058524197E-2</v>
      </c>
      <c r="Q83" s="92">
        <v>9.0431837161223133E-2</v>
      </c>
      <c r="R83" s="102">
        <v>0.31601736003731024</v>
      </c>
      <c r="S83" s="92">
        <v>0.13043056721052132</v>
      </c>
      <c r="T83" s="102">
        <v>0.57382557970317505</v>
      </c>
      <c r="U83" s="92">
        <v>0.13738100551280685</v>
      </c>
      <c r="V83" s="91">
        <v>2.0806241200991043E-2</v>
      </c>
      <c r="W83" s="92">
        <v>6.46539796683573E-2</v>
      </c>
      <c r="X83" s="99">
        <v>48</v>
      </c>
      <c r="Y83" s="100">
        <v>4.0381010343847423</v>
      </c>
      <c r="Z83" s="101">
        <v>0.46541677736781606</v>
      </c>
      <c r="AA83" s="102">
        <v>0.3068624130790239</v>
      </c>
      <c r="AB83" s="92">
        <v>0.12956018462292812</v>
      </c>
      <c r="AC83" s="102">
        <v>0.24964021546650897</v>
      </c>
      <c r="AD83" s="92">
        <v>0.12297347145100343</v>
      </c>
      <c r="AE83" s="102">
        <v>0.38240813448667638</v>
      </c>
      <c r="AF83" s="92">
        <v>0.13536778750946943</v>
      </c>
      <c r="AG83" s="91">
        <v>6.1089236967791088E-2</v>
      </c>
      <c r="AH83" s="92">
        <v>8.1266312774677302E-2</v>
      </c>
      <c r="AI83" s="99">
        <v>49</v>
      </c>
      <c r="AJ83" s="100">
        <v>5.1322079237568561</v>
      </c>
      <c r="AK83" s="101">
        <v>0.3874704289792103</v>
      </c>
      <c r="AL83" s="102">
        <v>0.13847698978793974</v>
      </c>
      <c r="AM83" s="92">
        <v>0.10215961949324665</v>
      </c>
      <c r="AN83" s="102">
        <v>0.1879157031194264</v>
      </c>
      <c r="AO83" s="92">
        <v>0.11218246512330529</v>
      </c>
      <c r="AP83" s="102">
        <v>0.67360730709263417</v>
      </c>
      <c r="AQ83" s="92">
        <v>0.13009087885436688</v>
      </c>
      <c r="AR83" s="91">
        <v>0</v>
      </c>
      <c r="AS83" s="92">
        <v>5.2349950714565462E-2</v>
      </c>
    </row>
    <row r="84" spans="1:45">
      <c r="A84" s="52" t="s">
        <v>551</v>
      </c>
      <c r="B84" s="95">
        <v>499</v>
      </c>
      <c r="C84" s="96">
        <v>4.7873403542647139</v>
      </c>
      <c r="D84" s="97">
        <v>0.14348722728339494</v>
      </c>
      <c r="E84" s="98">
        <v>0.20012838988123385</v>
      </c>
      <c r="F84" s="89">
        <v>3.5837219500764829E-2</v>
      </c>
      <c r="G84" s="98">
        <v>0.18616996977068187</v>
      </c>
      <c r="H84" s="89">
        <v>3.488930678658439E-2</v>
      </c>
      <c r="I84" s="98">
        <v>0.58805404222304614</v>
      </c>
      <c r="J84" s="89">
        <v>4.3902051800997363E-2</v>
      </c>
      <c r="K84" s="88">
        <v>2.5647598125044347E-2</v>
      </c>
      <c r="L84" s="89">
        <v>1.5068896914910479E-2</v>
      </c>
      <c r="M84" s="95">
        <v>494</v>
      </c>
      <c r="N84" s="96">
        <v>4.8569117139152418</v>
      </c>
      <c r="O84" s="97">
        <v>0.12447935244124074</v>
      </c>
      <c r="P84" s="98">
        <v>0.14644556621568966</v>
      </c>
      <c r="Q84" s="89">
        <v>3.1938600972759766E-2</v>
      </c>
      <c r="R84" s="98">
        <v>0.22458625788384165</v>
      </c>
      <c r="S84" s="89">
        <v>3.753027102167155E-2</v>
      </c>
      <c r="T84" s="98">
        <v>0.60905991431740125</v>
      </c>
      <c r="U84" s="89">
        <v>4.3749582860503095E-2</v>
      </c>
      <c r="V84" s="88">
        <v>1.9908261583072968E-2</v>
      </c>
      <c r="W84" s="89">
        <v>1.3650741763306889E-2</v>
      </c>
      <c r="X84" s="95">
        <v>498</v>
      </c>
      <c r="Y84" s="96">
        <v>4.7576505286037447</v>
      </c>
      <c r="Z84" s="97">
        <v>0.1266946765991383</v>
      </c>
      <c r="AA84" s="98">
        <v>0.17569918181747535</v>
      </c>
      <c r="AB84" s="89">
        <v>3.416602703357334E-2</v>
      </c>
      <c r="AC84" s="98">
        <v>0.1932355505190288</v>
      </c>
      <c r="AD84" s="89">
        <v>3.5413242835073501E-2</v>
      </c>
      <c r="AE84" s="98">
        <v>0.57161958312089622</v>
      </c>
      <c r="AF84" s="89">
        <v>4.4179284549813326E-2</v>
      </c>
      <c r="AG84" s="88">
        <v>5.9445684542606264E-2</v>
      </c>
      <c r="AH84" s="89">
        <v>2.1680881805505543E-2</v>
      </c>
      <c r="AI84" s="95">
        <v>497</v>
      </c>
      <c r="AJ84" s="96">
        <v>5.089855988056363</v>
      </c>
      <c r="AK84" s="97">
        <v>0.12930583900195688</v>
      </c>
      <c r="AL84" s="103">
        <v>0.11659317538251228</v>
      </c>
      <c r="AM84" s="89">
        <v>2.9000262144879257E-2</v>
      </c>
      <c r="AN84" s="98">
        <v>0.18707511614700362</v>
      </c>
      <c r="AO84" s="89">
        <v>3.502327706490161E-2</v>
      </c>
      <c r="AP84" s="98">
        <v>0.68268335591943041</v>
      </c>
      <c r="AQ84" s="89">
        <v>4.1638839694237977E-2</v>
      </c>
      <c r="AR84" s="88">
        <v>1.364835255105829E-2</v>
      </c>
      <c r="AS84" s="89">
        <v>1.1726779719128286E-2</v>
      </c>
    </row>
    <row r="85" spans="1:45">
      <c r="A85" s="44" t="s">
        <v>552</v>
      </c>
      <c r="B85" s="99">
        <v>138</v>
      </c>
      <c r="C85" s="100">
        <v>4.8085205539138665</v>
      </c>
      <c r="D85" s="101">
        <v>0.23054945564033025</v>
      </c>
      <c r="E85" s="102">
        <v>0.17881607930351373</v>
      </c>
      <c r="F85" s="92">
        <v>6.5557374917073363E-2</v>
      </c>
      <c r="G85" s="102">
        <v>0.23843179079233515</v>
      </c>
      <c r="H85" s="92">
        <v>7.2263663149707599E-2</v>
      </c>
      <c r="I85" s="102">
        <v>0.57762681342555433</v>
      </c>
      <c r="J85" s="92">
        <v>8.2957444525940505E-2</v>
      </c>
      <c r="K85" s="91">
        <v>5.1253164785973401E-3</v>
      </c>
      <c r="L85" s="92">
        <v>2.295246593628528E-2</v>
      </c>
      <c r="M85" s="99">
        <v>136</v>
      </c>
      <c r="N85" s="100">
        <v>4.9292982664336842</v>
      </c>
      <c r="O85" s="101">
        <v>0.21111731237194686</v>
      </c>
      <c r="P85" s="102">
        <v>0.12205085689243682</v>
      </c>
      <c r="Q85" s="92">
        <v>5.7371082745368611E-2</v>
      </c>
      <c r="R85" s="102">
        <v>0.27322386189910941</v>
      </c>
      <c r="S85" s="92">
        <v>7.5870060188534191E-2</v>
      </c>
      <c r="T85" s="102">
        <v>0.59956406888341962</v>
      </c>
      <c r="U85" s="92">
        <v>8.2919127777799889E-2</v>
      </c>
      <c r="V85" s="91">
        <v>5.1612123250346417E-3</v>
      </c>
      <c r="W85" s="92">
        <v>2.3254489037527998E-2</v>
      </c>
      <c r="X85" s="99">
        <v>139</v>
      </c>
      <c r="Y85" s="100">
        <v>4.8400348421563422</v>
      </c>
      <c r="Z85" s="101">
        <v>0.20927699387331991</v>
      </c>
      <c r="AA85" s="102">
        <v>0.14263109630139353</v>
      </c>
      <c r="AB85" s="92">
        <v>6.0147208017748706E-2</v>
      </c>
      <c r="AC85" s="102">
        <v>0.21648896277018381</v>
      </c>
      <c r="AD85" s="92">
        <v>6.9775925201625191E-2</v>
      </c>
      <c r="AE85" s="102">
        <v>0.56003066972803273</v>
      </c>
      <c r="AF85" s="92">
        <v>8.30527852366858E-2</v>
      </c>
      <c r="AG85" s="91">
        <v>8.0849271200390579E-2</v>
      </c>
      <c r="AH85" s="92">
        <v>4.8474307160092114E-2</v>
      </c>
      <c r="AI85" s="99">
        <v>137</v>
      </c>
      <c r="AJ85" s="100">
        <v>5.1844421991840379</v>
      </c>
      <c r="AK85" s="101">
        <v>0.21576653665522771</v>
      </c>
      <c r="AL85" s="102">
        <v>5.5495791400446109E-2</v>
      </c>
      <c r="AM85" s="92">
        <v>4.2432235319797701E-2</v>
      </c>
      <c r="AN85" s="102">
        <v>0.25752038590574378</v>
      </c>
      <c r="AO85" s="92">
        <v>7.4279953861477094E-2</v>
      </c>
      <c r="AP85" s="102">
        <v>0.68698382269381053</v>
      </c>
      <c r="AQ85" s="92">
        <v>7.8459028607447481E-2</v>
      </c>
      <c r="AR85" s="91">
        <v>0</v>
      </c>
      <c r="AS85" s="92">
        <v>1.991699088628197E-2</v>
      </c>
    </row>
    <row r="86" spans="1:45">
      <c r="A86" s="52" t="s">
        <v>553</v>
      </c>
      <c r="B86" s="95">
        <v>176</v>
      </c>
      <c r="C86" s="96">
        <v>4.9357175549141434</v>
      </c>
      <c r="D86" s="97">
        <v>0.25311532832512845</v>
      </c>
      <c r="E86" s="98">
        <v>0.15425984169321896</v>
      </c>
      <c r="F86" s="89">
        <v>5.4917601958624364E-2</v>
      </c>
      <c r="G86" s="98">
        <v>0.18316660110060556</v>
      </c>
      <c r="H86" s="89">
        <v>5.8505177330965226E-2</v>
      </c>
      <c r="I86" s="98">
        <v>0.63711158296026693</v>
      </c>
      <c r="J86" s="89">
        <v>7.1806323960978663E-2</v>
      </c>
      <c r="K86" s="88">
        <v>2.5461974245908486E-2</v>
      </c>
      <c r="L86" s="89">
        <v>2.7773184776141786E-2</v>
      </c>
      <c r="M86" s="95">
        <v>175</v>
      </c>
      <c r="N86" s="96">
        <v>4.8490307252716773</v>
      </c>
      <c r="O86" s="97">
        <v>0.20902556312232404</v>
      </c>
      <c r="P86" s="98">
        <v>0.14484522457136828</v>
      </c>
      <c r="Q86" s="89">
        <v>5.3781975205240452E-2</v>
      </c>
      <c r="R86" s="98">
        <v>0.19487957528161132</v>
      </c>
      <c r="S86" s="89">
        <v>5.9984329868556709E-2</v>
      </c>
      <c r="T86" s="98">
        <v>0.63995796175173902</v>
      </c>
      <c r="U86" s="89">
        <v>7.1890270050774779E-2</v>
      </c>
      <c r="V86" s="88">
        <v>2.0317238395280969E-2</v>
      </c>
      <c r="W86" s="89">
        <v>2.5923457481704767E-2</v>
      </c>
      <c r="X86" s="95">
        <v>174</v>
      </c>
      <c r="Y86" s="96">
        <v>4.7999023175648787</v>
      </c>
      <c r="Z86" s="97">
        <v>0.21286640428166329</v>
      </c>
      <c r="AA86" s="98">
        <v>0.15408907205995484</v>
      </c>
      <c r="AB86" s="89">
        <v>5.5214175544750971E-2</v>
      </c>
      <c r="AC86" s="98">
        <v>0.19590006523627071</v>
      </c>
      <c r="AD86" s="89">
        <v>6.0267715372891252E-2</v>
      </c>
      <c r="AE86" s="98">
        <v>0.60461219246846698</v>
      </c>
      <c r="AF86" s="89">
        <v>7.3368795211408017E-2</v>
      </c>
      <c r="AG86" s="88">
        <v>4.5398670235307331E-2</v>
      </c>
      <c r="AH86" s="89">
        <v>3.4354878161356586E-2</v>
      </c>
      <c r="AI86" s="95">
        <v>176</v>
      </c>
      <c r="AJ86" s="96">
        <v>5.1213185452893679</v>
      </c>
      <c r="AK86" s="97">
        <v>0.22566554423926513</v>
      </c>
      <c r="AL86" s="103">
        <v>0.11203973472988919</v>
      </c>
      <c r="AM86" s="89">
        <v>4.8557406847608613E-2</v>
      </c>
      <c r="AN86" s="98">
        <v>0.15571979232421435</v>
      </c>
      <c r="AO86" s="89">
        <v>5.5112119100186679E-2</v>
      </c>
      <c r="AP86" s="98">
        <v>0.7163104279604916</v>
      </c>
      <c r="AQ86" s="89">
        <v>6.75386731984116E-2</v>
      </c>
      <c r="AR86" s="88">
        <v>1.5930044985404828E-2</v>
      </c>
      <c r="AS86" s="89">
        <v>2.402542673903697E-2</v>
      </c>
    </row>
    <row r="87" spans="1:45">
      <c r="A87" s="44" t="s">
        <v>554</v>
      </c>
      <c r="B87" s="99">
        <v>155</v>
      </c>
      <c r="C87" s="100">
        <v>4.4897282692633675</v>
      </c>
      <c r="D87" s="101">
        <v>0.27419112109511762</v>
      </c>
      <c r="E87" s="102">
        <v>0.27142409307346649</v>
      </c>
      <c r="F87" s="92">
        <v>7.0994510464054056E-2</v>
      </c>
      <c r="G87" s="102">
        <v>0.16713724811994124</v>
      </c>
      <c r="H87" s="92">
        <v>6.0335954363245466E-2</v>
      </c>
      <c r="I87" s="102">
        <v>0.52568556098547004</v>
      </c>
      <c r="J87" s="92">
        <v>7.9205652120505191E-2</v>
      </c>
      <c r="K87" s="91">
        <v>3.5753097821122876E-2</v>
      </c>
      <c r="L87" s="92">
        <v>3.3714467115562446E-2</v>
      </c>
      <c r="M87" s="99">
        <v>155</v>
      </c>
      <c r="N87" s="100">
        <v>4.7138106736534091</v>
      </c>
      <c r="O87" s="101">
        <v>0.24427305887416087</v>
      </c>
      <c r="P87" s="102">
        <v>0.18319001359248946</v>
      </c>
      <c r="Q87" s="92">
        <v>6.2367928670117936E-2</v>
      </c>
      <c r="R87" s="102">
        <v>0.22727940929378648</v>
      </c>
      <c r="S87" s="92">
        <v>6.7165171865765719E-2</v>
      </c>
      <c r="T87" s="102">
        <v>0.5664098599295776</v>
      </c>
      <c r="U87" s="92">
        <v>7.863758757771977E-2</v>
      </c>
      <c r="V87" s="91">
        <v>2.3120717184146811E-2</v>
      </c>
      <c r="W87" s="92">
        <v>2.9196548777710652E-2</v>
      </c>
      <c r="X87" s="99">
        <v>155</v>
      </c>
      <c r="Y87" s="100">
        <v>4.5317230583276196</v>
      </c>
      <c r="Z87" s="101">
        <v>0.25154862815918339</v>
      </c>
      <c r="AA87" s="102">
        <v>0.2429998187300132</v>
      </c>
      <c r="AB87" s="92">
        <v>6.8631241409303087E-2</v>
      </c>
      <c r="AC87" s="102">
        <v>0.18972064756463725</v>
      </c>
      <c r="AD87" s="92">
        <v>6.3147970752068946E-2</v>
      </c>
      <c r="AE87" s="102">
        <v>0.51748461608499552</v>
      </c>
      <c r="AF87" s="92">
        <v>7.9259065143546567E-2</v>
      </c>
      <c r="AG87" s="91">
        <v>4.9794917620354547E-2</v>
      </c>
      <c r="AH87" s="92">
        <v>3.7995390512158833E-2</v>
      </c>
      <c r="AI87" s="99">
        <v>154</v>
      </c>
      <c r="AJ87" s="100">
        <v>4.917114596382465</v>
      </c>
      <c r="AK87" s="101">
        <v>0.24625628677018771</v>
      </c>
      <c r="AL87" s="102">
        <v>0.17417582956026956</v>
      </c>
      <c r="AM87" s="92">
        <v>6.144789476233023E-2</v>
      </c>
      <c r="AN87" s="102">
        <v>0.17868637374261634</v>
      </c>
      <c r="AO87" s="92">
        <v>6.2016504289946241E-2</v>
      </c>
      <c r="AP87" s="102">
        <v>0.64041677315763468</v>
      </c>
      <c r="AQ87" s="92">
        <v>7.651736219999232E-2</v>
      </c>
      <c r="AR87" s="91">
        <v>6.721023539479949E-3</v>
      </c>
      <c r="AS87" s="92">
        <v>2.183952369573423E-2</v>
      </c>
    </row>
    <row r="90" spans="1:45" ht="18.75">
      <c r="A90" s="344" t="s">
        <v>227</v>
      </c>
      <c r="B90" s="344"/>
      <c r="C90" s="344"/>
      <c r="D90" s="344"/>
      <c r="E90" s="344"/>
      <c r="F90" s="344"/>
      <c r="G90" s="344"/>
      <c r="H90" s="344"/>
      <c r="I90" s="344"/>
      <c r="J90" s="344"/>
      <c r="K90" s="344"/>
      <c r="L90" s="344"/>
      <c r="M90" s="344"/>
      <c r="N90" s="344"/>
      <c r="O90" s="344"/>
      <c r="P90" s="344"/>
      <c r="Q90" s="344"/>
      <c r="R90" s="344"/>
      <c r="S90" s="344"/>
      <c r="T90" s="344"/>
      <c r="U90" s="344"/>
      <c r="V90" s="344"/>
      <c r="W90" s="344"/>
      <c r="X90" s="344"/>
      <c r="Y90" s="344"/>
      <c r="Z90" s="344"/>
      <c r="AA90" s="344"/>
      <c r="AB90" s="344"/>
      <c r="AC90" s="344"/>
      <c r="AD90" s="344"/>
      <c r="AE90" s="344"/>
      <c r="AF90" s="344"/>
      <c r="AG90" s="344"/>
      <c r="AH90" s="344"/>
    </row>
    <row r="91" spans="1:45" ht="66" customHeight="1">
      <c r="A91" s="378" t="s">
        <v>529</v>
      </c>
      <c r="B91" s="378"/>
      <c r="C91" s="378"/>
      <c r="D91" s="378"/>
      <c r="E91" s="378"/>
      <c r="F91" s="378"/>
      <c r="G91" s="378"/>
      <c r="H91" s="378"/>
      <c r="I91" s="378"/>
      <c r="J91" s="378"/>
      <c r="K91" s="378"/>
      <c r="L91" s="378"/>
      <c r="M91" s="378"/>
      <c r="N91" s="378"/>
      <c r="O91" s="378"/>
      <c r="P91" s="378"/>
      <c r="Q91" s="378"/>
      <c r="R91" s="378"/>
      <c r="S91" s="378"/>
      <c r="T91" s="378"/>
      <c r="U91" s="378"/>
      <c r="V91" s="378"/>
      <c r="W91" s="378"/>
      <c r="X91" s="378"/>
      <c r="Y91" s="378"/>
      <c r="Z91" s="378"/>
      <c r="AA91" s="378"/>
      <c r="AB91" s="378"/>
      <c r="AC91" s="378"/>
      <c r="AD91" s="378"/>
      <c r="AE91" s="378"/>
      <c r="AF91" s="378"/>
      <c r="AG91" s="378"/>
      <c r="AH91" s="378"/>
    </row>
    <row r="92" spans="1:45" ht="45.75" customHeight="1">
      <c r="A92" s="104"/>
      <c r="B92" s="368" t="s">
        <v>321</v>
      </c>
      <c r="C92" s="369"/>
      <c r="D92" s="369"/>
      <c r="E92" s="369"/>
      <c r="F92" s="369"/>
      <c r="G92" s="369"/>
      <c r="H92" s="369"/>
      <c r="I92" s="369"/>
      <c r="J92" s="369"/>
      <c r="K92" s="369"/>
      <c r="L92" s="370"/>
      <c r="M92" s="372" t="s">
        <v>228</v>
      </c>
      <c r="N92" s="373"/>
      <c r="O92" s="373"/>
      <c r="P92" s="373"/>
      <c r="Q92" s="373"/>
      <c r="R92" s="373"/>
      <c r="S92" s="373"/>
      <c r="T92" s="373"/>
      <c r="U92" s="373"/>
      <c r="V92" s="373"/>
      <c r="W92" s="374"/>
      <c r="X92" s="368" t="s">
        <v>368</v>
      </c>
      <c r="Y92" s="369"/>
      <c r="Z92" s="369"/>
      <c r="AA92" s="369"/>
      <c r="AB92" s="369"/>
      <c r="AC92" s="369"/>
      <c r="AD92" s="369"/>
      <c r="AE92" s="369"/>
      <c r="AF92" s="369"/>
      <c r="AG92" s="369"/>
      <c r="AH92" s="370"/>
    </row>
    <row r="93" spans="1:45" ht="66" customHeight="1">
      <c r="A93" s="32" t="s">
        <v>71</v>
      </c>
      <c r="B93" s="33" t="s">
        <v>72</v>
      </c>
      <c r="C93" s="33" t="s">
        <v>593</v>
      </c>
      <c r="D93" s="250" t="s">
        <v>73</v>
      </c>
      <c r="E93" s="33" t="s">
        <v>156</v>
      </c>
      <c r="F93" s="84" t="s">
        <v>85</v>
      </c>
      <c r="G93" s="33" t="s">
        <v>157</v>
      </c>
      <c r="H93" s="84" t="s">
        <v>86</v>
      </c>
      <c r="I93" s="33" t="s">
        <v>158</v>
      </c>
      <c r="J93" s="84" t="s">
        <v>87</v>
      </c>
      <c r="K93" s="33" t="s">
        <v>301</v>
      </c>
      <c r="L93" s="84" t="s">
        <v>300</v>
      </c>
      <c r="M93" s="60" t="s">
        <v>72</v>
      </c>
      <c r="N93" s="60" t="s">
        <v>593</v>
      </c>
      <c r="O93" s="252" t="s">
        <v>73</v>
      </c>
      <c r="P93" s="60" t="s">
        <v>346</v>
      </c>
      <c r="Q93" s="83" t="s">
        <v>347</v>
      </c>
      <c r="R93" s="60" t="s">
        <v>343</v>
      </c>
      <c r="S93" s="83" t="s">
        <v>345</v>
      </c>
      <c r="T93" s="60" t="s">
        <v>348</v>
      </c>
      <c r="U93" s="83" t="s">
        <v>349</v>
      </c>
      <c r="V93" s="60" t="s">
        <v>301</v>
      </c>
      <c r="W93" s="83" t="s">
        <v>315</v>
      </c>
      <c r="X93" s="33" t="s">
        <v>72</v>
      </c>
      <c r="Y93" s="33" t="s">
        <v>593</v>
      </c>
      <c r="Z93" s="250" t="s">
        <v>73</v>
      </c>
      <c r="AA93" s="33" t="s">
        <v>369</v>
      </c>
      <c r="AB93" s="84" t="s">
        <v>370</v>
      </c>
      <c r="AC93" s="33" t="s">
        <v>371</v>
      </c>
      <c r="AD93" s="84" t="s">
        <v>372</v>
      </c>
      <c r="AE93" s="33" t="s">
        <v>373</v>
      </c>
      <c r="AF93" s="84" t="s">
        <v>374</v>
      </c>
      <c r="AG93" s="33" t="s">
        <v>301</v>
      </c>
      <c r="AH93" s="84" t="s">
        <v>300</v>
      </c>
    </row>
    <row r="94" spans="1:45" ht="99.75" customHeight="1">
      <c r="A94" s="36"/>
      <c r="B94" s="37" t="s">
        <v>74</v>
      </c>
      <c r="C94" s="37" t="s">
        <v>302</v>
      </c>
      <c r="D94" s="251" t="s">
        <v>76</v>
      </c>
      <c r="E94" s="37" t="s">
        <v>159</v>
      </c>
      <c r="F94" s="86" t="s">
        <v>88</v>
      </c>
      <c r="G94" s="37" t="s">
        <v>160</v>
      </c>
      <c r="H94" s="86" t="s">
        <v>88</v>
      </c>
      <c r="I94" s="37" t="s">
        <v>161</v>
      </c>
      <c r="J94" s="86" t="s">
        <v>88</v>
      </c>
      <c r="K94" s="37" t="s">
        <v>301</v>
      </c>
      <c r="L94" s="86" t="s">
        <v>88</v>
      </c>
      <c r="M94" s="63" t="s">
        <v>74</v>
      </c>
      <c r="N94" s="63" t="s">
        <v>303</v>
      </c>
      <c r="O94" s="253" t="s">
        <v>76</v>
      </c>
      <c r="P94" s="63" t="s">
        <v>342</v>
      </c>
      <c r="Q94" s="85" t="s">
        <v>88</v>
      </c>
      <c r="R94" s="63" t="s">
        <v>344</v>
      </c>
      <c r="S94" s="85" t="s">
        <v>88</v>
      </c>
      <c r="T94" s="63" t="s">
        <v>159</v>
      </c>
      <c r="U94" s="85" t="s">
        <v>88</v>
      </c>
      <c r="V94" s="63" t="s">
        <v>301</v>
      </c>
      <c r="W94" s="85" t="s">
        <v>88</v>
      </c>
      <c r="X94" s="37" t="s">
        <v>74</v>
      </c>
      <c r="Y94" s="37" t="s">
        <v>302</v>
      </c>
      <c r="Z94" s="251" t="s">
        <v>76</v>
      </c>
      <c r="AA94" s="37" t="s">
        <v>375</v>
      </c>
      <c r="AB94" s="86" t="s">
        <v>376</v>
      </c>
      <c r="AC94" s="37" t="s">
        <v>377</v>
      </c>
      <c r="AD94" s="86" t="s">
        <v>88</v>
      </c>
      <c r="AE94" s="37" t="s">
        <v>378</v>
      </c>
      <c r="AF94" s="86" t="s">
        <v>88</v>
      </c>
      <c r="AG94" s="37" t="s">
        <v>301</v>
      </c>
      <c r="AH94" s="86" t="s">
        <v>88</v>
      </c>
    </row>
    <row r="95" spans="1:45">
      <c r="A95" s="40" t="s">
        <v>350</v>
      </c>
      <c r="B95" s="107">
        <v>13860</v>
      </c>
      <c r="C95" s="42">
        <v>3.4344054400133501</v>
      </c>
      <c r="D95" s="43">
        <v>3.4901934531529712E-2</v>
      </c>
      <c r="E95" s="108">
        <v>0.52652880844819483</v>
      </c>
      <c r="F95" s="89">
        <v>8.4809386825359465E-3</v>
      </c>
      <c r="G95" s="108">
        <v>0.127734730114479</v>
      </c>
      <c r="H95" s="89">
        <v>5.671791781730307E-3</v>
      </c>
      <c r="I95" s="108">
        <v>0.31602429494402545</v>
      </c>
      <c r="J95" s="89">
        <v>7.8974322931968897E-3</v>
      </c>
      <c r="K95" s="88">
        <v>2.9712166493315654E-2</v>
      </c>
      <c r="L95" s="89">
        <v>2.8904282332363417E-3</v>
      </c>
      <c r="M95" s="107">
        <v>13927</v>
      </c>
      <c r="N95" s="42">
        <v>3.5790312707883745</v>
      </c>
      <c r="O95" s="43">
        <v>3.2156238078187627E-2</v>
      </c>
      <c r="P95" s="108">
        <v>0.14401396537196057</v>
      </c>
      <c r="Q95" s="89">
        <v>5.9511737220716236E-3</v>
      </c>
      <c r="R95" s="108">
        <v>0.33613620538888489</v>
      </c>
      <c r="S95" s="89">
        <v>8.0048093042382421E-3</v>
      </c>
      <c r="T95" s="108">
        <v>0.44604555289978853</v>
      </c>
      <c r="U95" s="89">
        <v>8.4230029339856776E-3</v>
      </c>
      <c r="V95" s="88">
        <v>7.3804276339382899E-2</v>
      </c>
      <c r="W95" s="89">
        <v>4.4336566255393272E-3</v>
      </c>
      <c r="X95" s="107">
        <v>13919</v>
      </c>
      <c r="Y95" s="42">
        <v>2.0177609801573295</v>
      </c>
      <c r="Z95" s="43">
        <v>2.0367340202541478E-2</v>
      </c>
      <c r="AA95" s="108">
        <v>0.68393995197501301</v>
      </c>
      <c r="AB95" s="89">
        <v>7.8809195994037958E-3</v>
      </c>
      <c r="AC95" s="108">
        <v>0.13351294498901081</v>
      </c>
      <c r="AD95" s="89">
        <v>5.7670152588268639E-3</v>
      </c>
      <c r="AE95" s="108">
        <v>0.14884870366073591</v>
      </c>
      <c r="AF95" s="89">
        <v>6.0347721819283343E-3</v>
      </c>
      <c r="AG95" s="88">
        <v>3.3698399375253284E-2</v>
      </c>
      <c r="AH95" s="89">
        <v>3.0644744644798606E-3</v>
      </c>
    </row>
    <row r="96" spans="1:45">
      <c r="A96" s="44" t="s">
        <v>351</v>
      </c>
      <c r="B96" s="109">
        <v>10153</v>
      </c>
      <c r="C96" s="46">
        <v>3.177751594024719</v>
      </c>
      <c r="D96" s="47">
        <v>4.03678665594569E-2</v>
      </c>
      <c r="E96" s="110">
        <v>0.58848719488128598</v>
      </c>
      <c r="F96" s="92">
        <v>9.7659159841971162E-3</v>
      </c>
      <c r="G96" s="110">
        <v>0.11527214411866142</v>
      </c>
      <c r="H96" s="92">
        <v>6.3410670281532685E-3</v>
      </c>
      <c r="I96" s="110">
        <v>0.27010593416162559</v>
      </c>
      <c r="J96" s="92">
        <v>8.8123164628331127E-3</v>
      </c>
      <c r="K96" s="91">
        <v>2.6134726838419383E-2</v>
      </c>
      <c r="L96" s="92">
        <v>3.1769407662610837E-3</v>
      </c>
      <c r="M96" s="109">
        <v>10152</v>
      </c>
      <c r="N96" s="46">
        <v>3.7864873783669335</v>
      </c>
      <c r="O96" s="47">
        <v>3.8269137389477188E-2</v>
      </c>
      <c r="P96" s="110">
        <v>0.19346062009017703</v>
      </c>
      <c r="Q96" s="92">
        <v>7.8411667617184523E-3</v>
      </c>
      <c r="R96" s="110">
        <v>0.3273272481485836</v>
      </c>
      <c r="S96" s="92">
        <v>9.3128970879132536E-3</v>
      </c>
      <c r="T96" s="110">
        <v>0.40498913371523143</v>
      </c>
      <c r="U96" s="92">
        <v>9.7422482007348092E-3</v>
      </c>
      <c r="V96" s="91">
        <v>7.4222998046008404E-2</v>
      </c>
      <c r="W96" s="92">
        <v>5.2076502345800519E-3</v>
      </c>
      <c r="X96" s="109">
        <v>10246</v>
      </c>
      <c r="Y96" s="46">
        <v>1.8433284416922264</v>
      </c>
      <c r="Z96" s="47">
        <v>2.2634443350480385E-2</v>
      </c>
      <c r="AA96" s="110">
        <v>0.74628473448186683</v>
      </c>
      <c r="AB96" s="92">
        <v>8.5970196021115299E-3</v>
      </c>
      <c r="AC96" s="110">
        <v>0.1025123468959812</v>
      </c>
      <c r="AD96" s="92">
        <v>5.9959939751275289E-3</v>
      </c>
      <c r="AE96" s="110">
        <v>0.12194513242785499</v>
      </c>
      <c r="AF96" s="92">
        <v>6.4675112093465943E-3</v>
      </c>
      <c r="AG96" s="91">
        <v>2.9257786194288496E-2</v>
      </c>
      <c r="AH96" s="92">
        <v>3.3393260083266017E-3</v>
      </c>
    </row>
    <row r="97" spans="1:34">
      <c r="A97" s="40" t="s">
        <v>352</v>
      </c>
      <c r="B97" s="78">
        <v>3707</v>
      </c>
      <c r="C97" s="42">
        <v>3.6431446113090811</v>
      </c>
      <c r="D97" s="43">
        <v>6.6689194060784218E-2</v>
      </c>
      <c r="E97" s="93">
        <v>0.47647208735410329</v>
      </c>
      <c r="F97" s="89">
        <v>1.6397370494217311E-2</v>
      </c>
      <c r="G97" s="93">
        <v>0.13780336209825444</v>
      </c>
      <c r="H97" s="89">
        <v>1.1330095210914055E-2</v>
      </c>
      <c r="I97" s="93">
        <v>0.35312213933774822</v>
      </c>
      <c r="J97" s="89">
        <v>1.5692867841079195E-2</v>
      </c>
      <c r="K97" s="88">
        <v>3.2602411209894024E-2</v>
      </c>
      <c r="L97" s="89">
        <v>5.8739280815192666E-3</v>
      </c>
      <c r="M97" s="78">
        <v>3775</v>
      </c>
      <c r="N97" s="42">
        <v>3.4146449559148517</v>
      </c>
      <c r="O97" s="43">
        <v>5.5997310724006197E-2</v>
      </c>
      <c r="P97" s="93">
        <v>0.10480111529791597</v>
      </c>
      <c r="Q97" s="89">
        <v>9.9826946460275529E-3</v>
      </c>
      <c r="R97" s="93">
        <v>0.34312200294264111</v>
      </c>
      <c r="S97" s="89">
        <v>1.5447505329471686E-2</v>
      </c>
      <c r="T97" s="93">
        <v>0.47860466573027421</v>
      </c>
      <c r="U97" s="89">
        <v>1.625228489954917E-2</v>
      </c>
      <c r="V97" s="88">
        <v>7.3472216029168771E-2</v>
      </c>
      <c r="W97" s="89">
        <v>8.5124926347808164E-3</v>
      </c>
      <c r="X97" s="78">
        <v>3673</v>
      </c>
      <c r="Y97" s="42">
        <v>2.163001839596332</v>
      </c>
      <c r="Z97" s="43">
        <v>4.2903441087517251E-2</v>
      </c>
      <c r="AA97" s="93">
        <v>0.63246224877067336</v>
      </c>
      <c r="AB97" s="89">
        <v>1.5903294473592011E-2</v>
      </c>
      <c r="AC97" s="93">
        <v>0.15910994803595579</v>
      </c>
      <c r="AD97" s="89">
        <v>1.2075668547078908E-2</v>
      </c>
      <c r="AE97" s="93">
        <v>0.17106281684510571</v>
      </c>
      <c r="AF97" s="89">
        <v>1.2430305465520444E-2</v>
      </c>
      <c r="AG97" s="88">
        <v>3.7364986348263976E-2</v>
      </c>
      <c r="AH97" s="89">
        <v>6.295614559716012E-3</v>
      </c>
    </row>
    <row r="98" spans="1:34">
      <c r="A98" s="44" t="s">
        <v>534</v>
      </c>
      <c r="B98" s="109">
        <v>3195</v>
      </c>
      <c r="C98" s="46">
        <v>3.3687511364482305</v>
      </c>
      <c r="D98" s="47">
        <v>7.1110090540821458E-2</v>
      </c>
      <c r="E98" s="110">
        <v>0.53560930174717325</v>
      </c>
      <c r="F98" s="92">
        <v>1.7635649290744546E-2</v>
      </c>
      <c r="G98" s="110">
        <v>0.11501592524909579</v>
      </c>
      <c r="H98" s="92">
        <v>1.1302080139667783E-2</v>
      </c>
      <c r="I98" s="110">
        <v>0.30984993632876701</v>
      </c>
      <c r="J98" s="92">
        <v>1.6355434597123901E-2</v>
      </c>
      <c r="K98" s="91">
        <v>3.9524836674958673E-2</v>
      </c>
      <c r="L98" s="92">
        <v>6.9376314648695488E-3</v>
      </c>
      <c r="M98" s="109">
        <v>3193</v>
      </c>
      <c r="N98" s="46">
        <v>3.4728011903659044</v>
      </c>
      <c r="O98" s="47">
        <v>6.8139357541163154E-2</v>
      </c>
      <c r="P98" s="110">
        <v>0.13822518022579663</v>
      </c>
      <c r="Q98" s="92">
        <v>1.2224891127064673E-2</v>
      </c>
      <c r="R98" s="110">
        <v>0.32765168118088789</v>
      </c>
      <c r="S98" s="92">
        <v>1.6604861152028721E-2</v>
      </c>
      <c r="T98" s="110">
        <v>0.45560575054987856</v>
      </c>
      <c r="U98" s="92">
        <v>1.7616286123573629E-2</v>
      </c>
      <c r="V98" s="91">
        <v>7.8517388043431696E-2</v>
      </c>
      <c r="W98" s="92">
        <v>9.5436481737051614E-3</v>
      </c>
      <c r="X98" s="109">
        <v>3209</v>
      </c>
      <c r="Y98" s="46">
        <v>1.9617708968130216</v>
      </c>
      <c r="Z98" s="47">
        <v>4.0116328672756468E-2</v>
      </c>
      <c r="AA98" s="110">
        <v>0.69724388981475582</v>
      </c>
      <c r="AB98" s="92">
        <v>1.6214852846199806E-2</v>
      </c>
      <c r="AC98" s="110">
        <v>0.12698648521957476</v>
      </c>
      <c r="AD98" s="92">
        <v>1.1766328619414752E-2</v>
      </c>
      <c r="AE98" s="110">
        <v>0.13356061667975369</v>
      </c>
      <c r="AF98" s="92">
        <v>1.2020125594044532E-2</v>
      </c>
      <c r="AG98" s="91">
        <v>4.2209008285913771E-2</v>
      </c>
      <c r="AH98" s="92">
        <v>7.1399591132232801E-3</v>
      </c>
    </row>
    <row r="99" spans="1:34">
      <c r="A99" s="40" t="s">
        <v>535</v>
      </c>
      <c r="B99" s="78">
        <v>2511</v>
      </c>
      <c r="C99" s="42">
        <v>2.8235691292318905</v>
      </c>
      <c r="D99" s="43">
        <v>7.7995673720977779E-2</v>
      </c>
      <c r="E99" s="93">
        <v>0.66226876872315832</v>
      </c>
      <c r="F99" s="89">
        <v>1.8864486383224372E-2</v>
      </c>
      <c r="G99" s="93">
        <v>9.7620814249418805E-2</v>
      </c>
      <c r="H99" s="89">
        <v>1.1871117029881011E-2</v>
      </c>
      <c r="I99" s="93">
        <v>0.21387573659425821</v>
      </c>
      <c r="J99" s="89">
        <v>1.63652694868557E-2</v>
      </c>
      <c r="K99" s="88">
        <v>2.6234680433166319E-2</v>
      </c>
      <c r="L99" s="89">
        <v>6.4625942328106452E-3</v>
      </c>
      <c r="M99" s="78">
        <v>2495</v>
      </c>
      <c r="N99" s="42">
        <v>3.6925314174364261</v>
      </c>
      <c r="O99" s="43">
        <v>7.7369548513730638E-2</v>
      </c>
      <c r="P99" s="93">
        <v>0.17926179713152252</v>
      </c>
      <c r="Q99" s="89">
        <v>1.5363076410544369E-2</v>
      </c>
      <c r="R99" s="93">
        <v>0.32849485658158994</v>
      </c>
      <c r="S99" s="89">
        <v>1.8794398326458722E-2</v>
      </c>
      <c r="T99" s="93">
        <v>0.41345940090990119</v>
      </c>
      <c r="U99" s="89">
        <v>1.9703065080770282E-2</v>
      </c>
      <c r="V99" s="88">
        <v>7.8783945376987283E-2</v>
      </c>
      <c r="W99" s="89">
        <v>1.0820264763715544E-2</v>
      </c>
      <c r="X99" s="78">
        <v>2530</v>
      </c>
      <c r="Y99" s="42">
        <v>1.6283875561515107</v>
      </c>
      <c r="Z99" s="43">
        <v>4.1993555809024363E-2</v>
      </c>
      <c r="AA99" s="93">
        <v>0.8223531430997898</v>
      </c>
      <c r="AB99" s="89">
        <v>1.5202721042409023E-2</v>
      </c>
      <c r="AC99" s="93">
        <v>6.3799387754140485E-2</v>
      </c>
      <c r="AD99" s="89">
        <v>9.7586704325839588E-3</v>
      </c>
      <c r="AE99" s="93">
        <v>8.8724844465041641E-2</v>
      </c>
      <c r="AF99" s="89">
        <v>1.1334501718885379E-2</v>
      </c>
      <c r="AG99" s="88">
        <v>2.5122624681032962E-2</v>
      </c>
      <c r="AH99" s="89">
        <v>6.3074180298634064E-3</v>
      </c>
    </row>
    <row r="100" spans="1:34">
      <c r="A100" s="44" t="s">
        <v>536</v>
      </c>
      <c r="B100" s="109">
        <v>364</v>
      </c>
      <c r="C100" s="46">
        <v>2.9271246121522396</v>
      </c>
      <c r="D100" s="47">
        <v>0.20181792455021988</v>
      </c>
      <c r="E100" s="110">
        <v>0.66141184601777325</v>
      </c>
      <c r="F100" s="92">
        <v>4.9399604423967743E-2</v>
      </c>
      <c r="G100" s="110">
        <v>9.2206503167748727E-2</v>
      </c>
      <c r="H100" s="92">
        <v>3.0804421071958632E-2</v>
      </c>
      <c r="I100" s="110">
        <v>0.22530244922162834</v>
      </c>
      <c r="J100" s="92">
        <v>4.3759812294093807E-2</v>
      </c>
      <c r="K100" s="91">
        <v>2.107920159284964E-2</v>
      </c>
      <c r="L100" s="92">
        <v>1.6679187907501142E-2</v>
      </c>
      <c r="M100" s="109">
        <v>361</v>
      </c>
      <c r="N100" s="46">
        <v>4.1606782539294578</v>
      </c>
      <c r="O100" s="47">
        <v>0.19385267078850285</v>
      </c>
      <c r="P100" s="110">
        <v>0.19353019590907306</v>
      </c>
      <c r="Q100" s="92">
        <v>4.1627649097332228E-2</v>
      </c>
      <c r="R100" s="110">
        <v>0.43377335315737819</v>
      </c>
      <c r="S100" s="92">
        <v>5.1891312686581745E-2</v>
      </c>
      <c r="T100" s="110">
        <v>0.28439999956382583</v>
      </c>
      <c r="U100" s="92">
        <v>4.7343671593632383E-2</v>
      </c>
      <c r="V100" s="91">
        <v>8.829645136972307E-2</v>
      </c>
      <c r="W100" s="92">
        <v>3.0375710537897265E-2</v>
      </c>
      <c r="X100" s="109">
        <v>370</v>
      </c>
      <c r="Y100" s="46">
        <v>1.6578239895261779</v>
      </c>
      <c r="Z100" s="47">
        <v>0.10696824749312342</v>
      </c>
      <c r="AA100" s="110">
        <v>0.82301691505824393</v>
      </c>
      <c r="AB100" s="92">
        <v>3.9769389722493532E-2</v>
      </c>
      <c r="AC100" s="110">
        <v>6.7109363353343929E-2</v>
      </c>
      <c r="AD100" s="92">
        <v>2.6687475385904134E-2</v>
      </c>
      <c r="AE100" s="110">
        <v>8.6793719259877097E-2</v>
      </c>
      <c r="AF100" s="92">
        <v>2.9775132198622652E-2</v>
      </c>
      <c r="AG100" s="91">
        <v>2.3080002328535559E-2</v>
      </c>
      <c r="AH100" s="92">
        <v>1.7114460921639679E-2</v>
      </c>
    </row>
    <row r="101" spans="1:34">
      <c r="A101" s="40" t="s">
        <v>537</v>
      </c>
      <c r="B101" s="78">
        <v>84</v>
      </c>
      <c r="C101" s="42">
        <v>2.633018242479777</v>
      </c>
      <c r="D101" s="43">
        <v>0.38152106693036203</v>
      </c>
      <c r="E101" s="93">
        <v>0.73709439978552882</v>
      </c>
      <c r="F101" s="89">
        <v>9.5055113864543156E-2</v>
      </c>
      <c r="G101" s="93">
        <v>4.0536117383111574E-2</v>
      </c>
      <c r="H101" s="89">
        <v>5.1189629550525077E-2</v>
      </c>
      <c r="I101" s="93">
        <v>0.20449246905830151</v>
      </c>
      <c r="J101" s="89">
        <v>8.8016910923847613E-2</v>
      </c>
      <c r="K101" s="88">
        <v>1.7877013773058614E-2</v>
      </c>
      <c r="L101" s="89">
        <v>4.1674232270285431E-2</v>
      </c>
      <c r="M101" s="78">
        <v>86</v>
      </c>
      <c r="N101" s="42">
        <v>3.2811664620326941</v>
      </c>
      <c r="O101" s="43">
        <v>0.39401645016776793</v>
      </c>
      <c r="P101" s="93">
        <v>6.6651949226427934E-2</v>
      </c>
      <c r="Q101" s="89">
        <v>5.9078484318084108E-2</v>
      </c>
      <c r="R101" s="93">
        <v>0.35016025679291313</v>
      </c>
      <c r="S101" s="89">
        <v>0.10099492409595773</v>
      </c>
      <c r="T101" s="93">
        <v>0.43706436336272325</v>
      </c>
      <c r="U101" s="89">
        <v>0.10464402327271802</v>
      </c>
      <c r="V101" s="88">
        <v>0.14612343061793637</v>
      </c>
      <c r="W101" s="89">
        <v>7.7647477431594697E-2</v>
      </c>
      <c r="X101" s="78">
        <v>86</v>
      </c>
      <c r="Y101" s="42">
        <v>1.8574290075526436</v>
      </c>
      <c r="Z101" s="43">
        <v>0.23081436619491463</v>
      </c>
      <c r="AA101" s="93">
        <v>0.73665000097941158</v>
      </c>
      <c r="AB101" s="89">
        <v>9.4012816537503902E-2</v>
      </c>
      <c r="AC101" s="93">
        <v>9.7613682090226486E-2</v>
      </c>
      <c r="AD101" s="89">
        <v>6.7382108299710974E-2</v>
      </c>
      <c r="AE101" s="93">
        <v>0.15112416045665644</v>
      </c>
      <c r="AF101" s="89">
        <v>7.8560458991648527E-2</v>
      </c>
      <c r="AG101" s="88">
        <v>1.4612156473706263E-2</v>
      </c>
      <c r="AH101" s="89">
        <v>3.9370377441593003E-2</v>
      </c>
    </row>
    <row r="102" spans="1:34">
      <c r="A102" s="44" t="s">
        <v>538</v>
      </c>
      <c r="B102" s="109">
        <v>64</v>
      </c>
      <c r="C102" s="46">
        <v>2.9250203786701143</v>
      </c>
      <c r="D102" s="47">
        <v>0.4977170101797026</v>
      </c>
      <c r="E102" s="110">
        <v>0.69872412467800549</v>
      </c>
      <c r="F102" s="92">
        <v>0.11246387836444656</v>
      </c>
      <c r="G102" s="110">
        <v>7.3677341029739093E-2</v>
      </c>
      <c r="H102" s="92">
        <v>7.2356375357809172E-2</v>
      </c>
      <c r="I102" s="110">
        <v>0.22759853429225507</v>
      </c>
      <c r="J102" s="92">
        <v>0.10411260815026067</v>
      </c>
      <c r="K102" s="91">
        <v>0</v>
      </c>
      <c r="L102" s="92">
        <v>4.097826741289623E-2</v>
      </c>
      <c r="M102" s="109">
        <v>61</v>
      </c>
      <c r="N102" s="46">
        <v>4.7393724568393623</v>
      </c>
      <c r="O102" s="47">
        <v>0.50318036948623346</v>
      </c>
      <c r="P102" s="110">
        <v>0.29971066736047974</v>
      </c>
      <c r="Q102" s="92">
        <v>0.11493666393399711</v>
      </c>
      <c r="R102" s="110">
        <v>0.3987961226045823</v>
      </c>
      <c r="S102" s="92">
        <v>0.1217764836690466</v>
      </c>
      <c r="T102" s="110">
        <v>0.18862534428131789</v>
      </c>
      <c r="U102" s="92">
        <v>0.10064758982047319</v>
      </c>
      <c r="V102" s="91">
        <v>0.11286786575361946</v>
      </c>
      <c r="W102" s="92">
        <v>8.5217133659740124E-2</v>
      </c>
      <c r="X102" s="109">
        <v>65</v>
      </c>
      <c r="Y102" s="46">
        <v>1.6736395528722559</v>
      </c>
      <c r="Z102" s="47">
        <v>0.25714319940038777</v>
      </c>
      <c r="AA102" s="110">
        <v>0.80518326421200415</v>
      </c>
      <c r="AB102" s="92">
        <v>9.8495537596043223E-2</v>
      </c>
      <c r="AC102" s="110">
        <v>7.1024511472882371E-2</v>
      </c>
      <c r="AD102" s="92">
        <v>7.0893778190792262E-2</v>
      </c>
      <c r="AE102" s="110">
        <v>6.275143236327016E-2</v>
      </c>
      <c r="AF102" s="92">
        <v>6.8244110307396244E-2</v>
      </c>
      <c r="AG102" s="91">
        <v>6.1040791951843101E-2</v>
      </c>
      <c r="AH102" s="92">
        <v>6.7676802211708728E-2</v>
      </c>
    </row>
    <row r="103" spans="1:34">
      <c r="A103" s="40" t="s">
        <v>539</v>
      </c>
      <c r="B103" s="78">
        <v>63</v>
      </c>
      <c r="C103" s="42">
        <v>3.3968737297015417</v>
      </c>
      <c r="D103" s="43">
        <v>0.55481896463581504</v>
      </c>
      <c r="E103" s="93">
        <v>0.56802929126055335</v>
      </c>
      <c r="F103" s="89">
        <v>0.12116551287901636</v>
      </c>
      <c r="G103" s="93">
        <v>0.11623428474318505</v>
      </c>
      <c r="H103" s="89">
        <v>8.4565316289672218E-2</v>
      </c>
      <c r="I103" s="93">
        <v>0.30208030895201815</v>
      </c>
      <c r="J103" s="89">
        <v>0.11339152979913551</v>
      </c>
      <c r="K103" s="88">
        <v>1.3656115044243572E-2</v>
      </c>
      <c r="L103" s="89">
        <v>4.939575221315981E-2</v>
      </c>
      <c r="M103" s="78">
        <v>63</v>
      </c>
      <c r="N103" s="42">
        <v>4.7919230075954387</v>
      </c>
      <c r="O103" s="43">
        <v>0.37126573506216448</v>
      </c>
      <c r="P103" s="93">
        <v>0.28756559942512366</v>
      </c>
      <c r="Q103" s="89">
        <v>0.11199659868345967</v>
      </c>
      <c r="R103" s="93">
        <v>0.50742176532385497</v>
      </c>
      <c r="S103" s="89">
        <v>0.12215754400790971</v>
      </c>
      <c r="T103" s="93">
        <v>0.15491715872443509</v>
      </c>
      <c r="U103" s="89">
        <v>9.2949081911916934E-2</v>
      </c>
      <c r="V103" s="88">
        <v>5.009547652658617E-2</v>
      </c>
      <c r="W103" s="89">
        <v>6.5121382456478485E-2</v>
      </c>
      <c r="X103" s="78">
        <v>65</v>
      </c>
      <c r="Y103" s="42">
        <v>1.5755818030267841</v>
      </c>
      <c r="Z103" s="43">
        <v>0.24985195616604647</v>
      </c>
      <c r="AA103" s="93">
        <v>0.83319991184088649</v>
      </c>
      <c r="AB103" s="89">
        <v>9.3708413087049081E-2</v>
      </c>
      <c r="AC103" s="93">
        <v>0.10832859035476911</v>
      </c>
      <c r="AD103" s="89">
        <v>8.1245458528941647E-2</v>
      </c>
      <c r="AE103" s="93">
        <v>5.847149780434463E-2</v>
      </c>
      <c r="AF103" s="89">
        <v>6.6811451401937894E-2</v>
      </c>
      <c r="AG103" s="88">
        <v>0</v>
      </c>
      <c r="AH103" s="89">
        <v>4.0393246397800862E-2</v>
      </c>
    </row>
    <row r="104" spans="1:34">
      <c r="A104" s="44" t="s">
        <v>540</v>
      </c>
      <c r="B104" s="109">
        <v>76</v>
      </c>
      <c r="C104" s="46">
        <v>2.4729403799330067</v>
      </c>
      <c r="D104" s="47">
        <v>0.35751509480596155</v>
      </c>
      <c r="E104" s="110">
        <v>0.75305856725017573</v>
      </c>
      <c r="F104" s="92">
        <v>9.8031915413046136E-2</v>
      </c>
      <c r="G104" s="110">
        <v>8.5560878503078627E-2</v>
      </c>
      <c r="H104" s="92">
        <v>6.8915453148044453E-2</v>
      </c>
      <c r="I104" s="110">
        <v>0.13138330324884279</v>
      </c>
      <c r="J104" s="92">
        <v>7.9802838958219255E-2</v>
      </c>
      <c r="K104" s="91">
        <v>2.9997250997902541E-2</v>
      </c>
      <c r="L104" s="92">
        <v>5.0316705912276501E-2</v>
      </c>
      <c r="M104" s="109">
        <v>75</v>
      </c>
      <c r="N104" s="46">
        <v>3.8692865875677454</v>
      </c>
      <c r="O104" s="47">
        <v>0.40257432967119766</v>
      </c>
      <c r="P104" s="110">
        <v>0.14195245070254919</v>
      </c>
      <c r="Q104" s="92">
        <v>8.2509799321328597E-2</v>
      </c>
      <c r="R104" s="110">
        <v>0.47716485786670865</v>
      </c>
      <c r="S104" s="92">
        <v>0.11240298745743313</v>
      </c>
      <c r="T104" s="110">
        <v>0.31468603935232742</v>
      </c>
      <c r="U104" s="92">
        <v>0.1053140672273984</v>
      </c>
      <c r="V104" s="91">
        <v>6.6196652078413909E-2</v>
      </c>
      <c r="W104" s="92">
        <v>6.3799111095215383E-2</v>
      </c>
      <c r="X104" s="109">
        <v>77</v>
      </c>
      <c r="Y104" s="46">
        <v>1.4455561950373232</v>
      </c>
      <c r="Z104" s="47">
        <v>0.21889039644222044</v>
      </c>
      <c r="AA104" s="110">
        <v>0.92291946391050994</v>
      </c>
      <c r="AB104" s="92">
        <v>6.6059538767011552E-2</v>
      </c>
      <c r="AC104" s="110">
        <v>2.8656822408645387E-2</v>
      </c>
      <c r="AD104" s="92">
        <v>4.9309298068174787E-2</v>
      </c>
      <c r="AE104" s="110">
        <v>4.8423713680844555E-2</v>
      </c>
      <c r="AF104" s="92">
        <v>5.6969528151676746E-2</v>
      </c>
      <c r="AG104" s="91">
        <v>0</v>
      </c>
      <c r="AH104" s="92">
        <v>3.4485061975244265E-2</v>
      </c>
    </row>
    <row r="105" spans="1:34">
      <c r="A105" s="40" t="s">
        <v>541</v>
      </c>
      <c r="B105" s="107">
        <v>77</v>
      </c>
      <c r="C105" s="42">
        <v>3.1318448788207758</v>
      </c>
      <c r="D105" s="43">
        <v>0.45238890028577633</v>
      </c>
      <c r="E105" s="108">
        <v>0.57000074154373637</v>
      </c>
      <c r="F105" s="89">
        <v>0.11012269417784248</v>
      </c>
      <c r="G105" s="108">
        <v>0.14373531461998423</v>
      </c>
      <c r="H105" s="89">
        <v>8.1740844552192674E-2</v>
      </c>
      <c r="I105" s="108">
        <v>0.2437252452434101</v>
      </c>
      <c r="J105" s="89">
        <v>9.7029887181271174E-2</v>
      </c>
      <c r="K105" s="88">
        <v>4.2538698592870371E-2</v>
      </c>
      <c r="L105" s="89">
        <v>5.4834225585859563E-2</v>
      </c>
      <c r="M105" s="107">
        <v>76</v>
      </c>
      <c r="N105" s="42">
        <v>4.1669027292896947</v>
      </c>
      <c r="O105" s="43">
        <v>0.37714683111552644</v>
      </c>
      <c r="P105" s="108">
        <v>0.19089370525517516</v>
      </c>
      <c r="Q105" s="89">
        <v>9.0490082865633883E-2</v>
      </c>
      <c r="R105" s="108">
        <v>0.44222270757284526</v>
      </c>
      <c r="S105" s="89">
        <v>0.11112768792992317</v>
      </c>
      <c r="T105" s="108">
        <v>0.30392966336656002</v>
      </c>
      <c r="U105" s="89">
        <v>0.10375564366359444</v>
      </c>
      <c r="V105" s="88">
        <v>6.295392380542017E-2</v>
      </c>
      <c r="W105" s="89">
        <v>6.2295317389365903E-2</v>
      </c>
      <c r="X105" s="107">
        <v>77</v>
      </c>
      <c r="Y105" s="42">
        <v>1.6947922476150123</v>
      </c>
      <c r="Z105" s="43">
        <v>0.24677705386850515</v>
      </c>
      <c r="AA105" s="108">
        <v>0.83868926657097898</v>
      </c>
      <c r="AB105" s="89">
        <v>8.5009590154625878E-2</v>
      </c>
      <c r="AC105" s="108">
        <v>1.9521652680823655E-2</v>
      </c>
      <c r="AD105" s="89">
        <v>4.5203793315800878E-2</v>
      </c>
      <c r="AE105" s="108">
        <v>9.9190982807557601E-2</v>
      </c>
      <c r="AF105" s="89">
        <v>7.1948823895255754E-2</v>
      </c>
      <c r="AG105" s="88">
        <v>4.2598097940640491E-2</v>
      </c>
      <c r="AH105" s="89">
        <v>5.4856333866562683E-2</v>
      </c>
    </row>
    <row r="106" spans="1:34">
      <c r="A106" s="44" t="s">
        <v>542</v>
      </c>
      <c r="B106" s="109">
        <v>609</v>
      </c>
      <c r="C106" s="46">
        <v>2.7834865618965852</v>
      </c>
      <c r="D106" s="47">
        <v>0.15966242096108849</v>
      </c>
      <c r="E106" s="110">
        <v>0.66206700361013093</v>
      </c>
      <c r="F106" s="92">
        <v>3.8238194866493221E-2</v>
      </c>
      <c r="G106" s="110">
        <v>9.9869724689245126E-2</v>
      </c>
      <c r="H106" s="92">
        <v>2.4498679573503317E-2</v>
      </c>
      <c r="I106" s="110">
        <v>0.21445058977815587</v>
      </c>
      <c r="J106" s="92">
        <v>3.325929432580977E-2</v>
      </c>
      <c r="K106" s="91">
        <v>2.3612681922461222E-2</v>
      </c>
      <c r="L106" s="92">
        <v>1.302706937755446E-2</v>
      </c>
      <c r="M106" s="109">
        <v>602</v>
      </c>
      <c r="N106" s="46">
        <v>3.8897145505972603</v>
      </c>
      <c r="O106" s="47">
        <v>0.15069622486590772</v>
      </c>
      <c r="P106" s="110">
        <v>0.18419670243432568</v>
      </c>
      <c r="Q106" s="92">
        <v>3.1631179260457901E-2</v>
      </c>
      <c r="R106" s="110">
        <v>0.34399376076530663</v>
      </c>
      <c r="S106" s="92">
        <v>3.8621655203296107E-2</v>
      </c>
      <c r="T106" s="110">
        <v>0.36920656267229668</v>
      </c>
      <c r="U106" s="92">
        <v>3.922669709506172E-2</v>
      </c>
      <c r="V106" s="91">
        <v>0.10260297412806649</v>
      </c>
      <c r="W106" s="92">
        <v>2.4929409749693661E-2</v>
      </c>
      <c r="X106" s="109">
        <v>610</v>
      </c>
      <c r="Y106" s="46">
        <v>1.5688157211754681</v>
      </c>
      <c r="Z106" s="47">
        <v>8.1686687751631182E-2</v>
      </c>
      <c r="AA106" s="110">
        <v>0.83798982308710412</v>
      </c>
      <c r="AB106" s="92">
        <v>2.9901735127276455E-2</v>
      </c>
      <c r="AC106" s="110">
        <v>6.0040235417400598E-2</v>
      </c>
      <c r="AD106" s="92">
        <v>1.9596783086770743E-2</v>
      </c>
      <c r="AE106" s="110">
        <v>7.6206949509263475E-2</v>
      </c>
      <c r="AF106" s="92">
        <v>2.1767486179684957E-2</v>
      </c>
      <c r="AG106" s="91">
        <v>2.5762991986230332E-2</v>
      </c>
      <c r="AH106" s="92">
        <v>1.3510767347582497E-2</v>
      </c>
    </row>
    <row r="107" spans="1:34">
      <c r="A107" s="40" t="s">
        <v>543</v>
      </c>
      <c r="B107" s="78">
        <v>58</v>
      </c>
      <c r="C107" s="42">
        <v>2.4896293148973254</v>
      </c>
      <c r="D107" s="43">
        <v>0.5435168823637001</v>
      </c>
      <c r="E107" s="93">
        <v>0.80345480030191596</v>
      </c>
      <c r="F107" s="89">
        <v>0.10454627264407407</v>
      </c>
      <c r="G107" s="93">
        <v>1.9227589057612775E-2</v>
      </c>
      <c r="H107" s="89">
        <v>5.5486463014047527E-2</v>
      </c>
      <c r="I107" s="93">
        <v>0.17731761064047127</v>
      </c>
      <c r="J107" s="89">
        <v>0.10124324667336229</v>
      </c>
      <c r="K107" s="93">
        <v>0</v>
      </c>
      <c r="L107" s="89">
        <v>4.4877957654209835E-2</v>
      </c>
      <c r="M107" s="78">
        <v>59</v>
      </c>
      <c r="N107" s="42">
        <v>3.000687881507289</v>
      </c>
      <c r="O107" s="43">
        <v>0.53022018950250649</v>
      </c>
      <c r="P107" s="93">
        <v>6.5591158644432268E-2</v>
      </c>
      <c r="Q107" s="89">
        <v>7.3243029031804574E-2</v>
      </c>
      <c r="R107" s="93">
        <v>0.25801408751480343</v>
      </c>
      <c r="S107" s="89">
        <v>0.11230417668673008</v>
      </c>
      <c r="T107" s="93">
        <v>0.53034026265687129</v>
      </c>
      <c r="U107" s="89">
        <v>0.12578456020277132</v>
      </c>
      <c r="V107" s="93">
        <v>0.14605449118389374</v>
      </c>
      <c r="W107" s="89">
        <v>9.432325282846464E-2</v>
      </c>
      <c r="X107" s="78">
        <v>58</v>
      </c>
      <c r="Y107" s="42">
        <v>1.5397520876886415</v>
      </c>
      <c r="Z107" s="43">
        <v>0.27362549977555783</v>
      </c>
      <c r="AA107" s="93">
        <v>0.84386452342704998</v>
      </c>
      <c r="AB107" s="89">
        <v>9.7226758781524175E-2</v>
      </c>
      <c r="AC107" s="93">
        <v>7.4060687756583921E-2</v>
      </c>
      <c r="AD107" s="89">
        <v>7.6719069054071595E-2</v>
      </c>
      <c r="AE107" s="93">
        <v>7.9192741945738485E-2</v>
      </c>
      <c r="AF107" s="89">
        <v>7.8301757895191046E-2</v>
      </c>
      <c r="AG107" s="93">
        <v>2.8820468706275333E-3</v>
      </c>
      <c r="AH107" s="89">
        <v>4.6650643032127945E-2</v>
      </c>
    </row>
    <row r="108" spans="1:34">
      <c r="A108" s="44" t="s">
        <v>550</v>
      </c>
      <c r="B108" s="109">
        <v>109</v>
      </c>
      <c r="C108" s="46">
        <v>3.1748277353133267</v>
      </c>
      <c r="D108" s="47">
        <v>0.42522176206360723</v>
      </c>
      <c r="E108" s="110">
        <v>0.57032866381470082</v>
      </c>
      <c r="F108" s="92">
        <v>9.3202197026790376E-2</v>
      </c>
      <c r="G108" s="110">
        <v>9.4989909916287335E-2</v>
      </c>
      <c r="H108" s="92">
        <v>5.8710103961810749E-2</v>
      </c>
      <c r="I108" s="110">
        <v>0.30402941656101712</v>
      </c>
      <c r="J108" s="92">
        <v>8.70898851700007E-2</v>
      </c>
      <c r="K108" s="91">
        <v>3.0652009707994907E-2</v>
      </c>
      <c r="L108" s="92">
        <v>3.9925600655688759E-2</v>
      </c>
      <c r="M108" s="109">
        <v>107</v>
      </c>
      <c r="N108" s="46">
        <v>4.1957615310815655</v>
      </c>
      <c r="O108" s="47">
        <v>0.39052907548798221</v>
      </c>
      <c r="P108" s="110">
        <v>0.23977643690623279</v>
      </c>
      <c r="Q108" s="92">
        <v>8.2106548082060207E-2</v>
      </c>
      <c r="R108" s="110">
        <v>0.324187044315076</v>
      </c>
      <c r="S108" s="92">
        <v>8.9297039808530432E-2</v>
      </c>
      <c r="T108" s="110">
        <v>0.27016021287057185</v>
      </c>
      <c r="U108" s="92">
        <v>8.5088692487409245E-2</v>
      </c>
      <c r="V108" s="91">
        <v>0.16587630590811911</v>
      </c>
      <c r="W108" s="92">
        <v>7.259970761217642E-2</v>
      </c>
      <c r="X108" s="109">
        <v>109</v>
      </c>
      <c r="Y108" s="46">
        <v>1.6218066237011262</v>
      </c>
      <c r="Z108" s="47">
        <v>0.21357134159038743</v>
      </c>
      <c r="AA108" s="110">
        <v>0.8046644483230021</v>
      </c>
      <c r="AB108" s="92">
        <v>7.6107661124477352E-2</v>
      </c>
      <c r="AC108" s="110">
        <v>5.9919213691235269E-2</v>
      </c>
      <c r="AD108" s="92">
        <v>4.9706199868704448E-2</v>
      </c>
      <c r="AE108" s="110">
        <v>9.5706305632141678E-2</v>
      </c>
      <c r="AF108" s="92">
        <v>5.8872508851775127E-2</v>
      </c>
      <c r="AG108" s="91">
        <v>3.9710032353621381E-2</v>
      </c>
      <c r="AH108" s="92">
        <v>4.3259698377412149E-2</v>
      </c>
    </row>
    <row r="109" spans="1:34">
      <c r="A109" s="52" t="s">
        <v>544</v>
      </c>
      <c r="B109" s="107">
        <v>121</v>
      </c>
      <c r="C109" s="42">
        <v>3.4769028594336153</v>
      </c>
      <c r="D109" s="43">
        <v>0.38233506151112323</v>
      </c>
      <c r="E109" s="108">
        <v>0.48912386838560762</v>
      </c>
      <c r="F109" s="89">
        <v>8.9422889097982697E-2</v>
      </c>
      <c r="G109" s="108">
        <v>0.14989394750332824</v>
      </c>
      <c r="H109" s="89">
        <v>6.576199214669054E-2</v>
      </c>
      <c r="I109" s="108">
        <v>0.32165281099937382</v>
      </c>
      <c r="J109" s="89">
        <v>8.3941961499929302E-2</v>
      </c>
      <c r="K109" s="88">
        <v>3.9329373111690789E-2</v>
      </c>
      <c r="L109" s="89">
        <v>4.0456269001355946E-2</v>
      </c>
      <c r="M109" s="107">
        <v>117</v>
      </c>
      <c r="N109" s="42">
        <v>4.4387212734416996</v>
      </c>
      <c r="O109" s="43">
        <v>0.31782112685132941</v>
      </c>
      <c r="P109" s="108">
        <v>0.27193178415125313</v>
      </c>
      <c r="Q109" s="89">
        <v>8.1588984286233499E-2</v>
      </c>
      <c r="R109" s="108">
        <v>0.41920558718435386</v>
      </c>
      <c r="S109" s="89">
        <v>8.9792546053143185E-2</v>
      </c>
      <c r="T109" s="108">
        <v>0.24279190705790799</v>
      </c>
      <c r="U109" s="89">
        <v>7.8865017192461584E-2</v>
      </c>
      <c r="V109" s="88">
        <v>6.6070721606484917E-2</v>
      </c>
      <c r="W109" s="89">
        <v>4.9442792696019616E-2</v>
      </c>
      <c r="X109" s="107">
        <v>121</v>
      </c>
      <c r="Y109" s="42">
        <v>1.6319971925892083</v>
      </c>
      <c r="Z109" s="43">
        <v>0.16746359156947799</v>
      </c>
      <c r="AA109" s="108">
        <v>0.82809281832546133</v>
      </c>
      <c r="AB109" s="89">
        <v>6.9081782866219008E-2</v>
      </c>
      <c r="AC109" s="108">
        <v>8.5520124810073248E-2</v>
      </c>
      <c r="AD109" s="89">
        <v>5.3374242397320019E-2</v>
      </c>
      <c r="AE109" s="108">
        <v>6.5446929614686414E-2</v>
      </c>
      <c r="AF109" s="89">
        <v>4.8350648663318757E-2</v>
      </c>
      <c r="AG109" s="88">
        <v>2.0940127249779849E-2</v>
      </c>
      <c r="AH109" s="89">
        <v>3.3444653812850084E-2</v>
      </c>
    </row>
    <row r="110" spans="1:34">
      <c r="A110" s="44" t="s">
        <v>545</v>
      </c>
      <c r="B110" s="109">
        <v>154</v>
      </c>
      <c r="C110" s="46">
        <v>2.3307125765095451</v>
      </c>
      <c r="D110" s="47">
        <v>0.26902088883715902</v>
      </c>
      <c r="E110" s="110">
        <v>0.77911915589188807</v>
      </c>
      <c r="F110" s="92">
        <v>6.6748583223892127E-2</v>
      </c>
      <c r="G110" s="110">
        <v>6.7631879901784125E-2</v>
      </c>
      <c r="H110" s="92">
        <v>4.281352577960279E-2</v>
      </c>
      <c r="I110" s="110">
        <v>0.14607155567195043</v>
      </c>
      <c r="J110" s="92">
        <v>5.7587999785658352E-2</v>
      </c>
      <c r="K110" s="91">
        <v>7.1774085343773953E-3</v>
      </c>
      <c r="L110" s="92">
        <v>2.2085938524035259E-2</v>
      </c>
      <c r="M110" s="109">
        <v>153</v>
      </c>
      <c r="N110" s="46">
        <v>3.5780776717663461</v>
      </c>
      <c r="O110" s="47">
        <v>0.28147281275230862</v>
      </c>
      <c r="P110" s="110">
        <v>0.13691123347512049</v>
      </c>
      <c r="Q110" s="92">
        <v>5.6387784033947452E-2</v>
      </c>
      <c r="R110" s="110">
        <v>0.31628565454343022</v>
      </c>
      <c r="S110" s="92">
        <v>7.4517030968224582E-2</v>
      </c>
      <c r="T110" s="110">
        <v>0.45747039899457365</v>
      </c>
      <c r="U110" s="92">
        <v>7.9534029157024289E-2</v>
      </c>
      <c r="V110" s="91">
        <v>8.9332712986875826E-2</v>
      </c>
      <c r="W110" s="92">
        <v>4.7841675527165159E-2</v>
      </c>
      <c r="X110" s="109">
        <v>155</v>
      </c>
      <c r="Y110" s="46">
        <v>1.5225115618011817</v>
      </c>
      <c r="Z110" s="47">
        <v>0.16763486336166283</v>
      </c>
      <c r="AA110" s="110">
        <v>0.87670196608082562</v>
      </c>
      <c r="AB110" s="92">
        <v>5.3821428943821296E-2</v>
      </c>
      <c r="AC110" s="110">
        <v>1.6707973652538389E-2</v>
      </c>
      <c r="AD110" s="92">
        <v>2.655621897007196E-2</v>
      </c>
      <c r="AE110" s="110">
        <v>9.0321196760449834E-2</v>
      </c>
      <c r="AF110" s="92">
        <v>4.7715527986704503E-2</v>
      </c>
      <c r="AG110" s="91">
        <v>1.6268863506186414E-2</v>
      </c>
      <c r="AH110" s="92">
        <v>2.63643885212923E-2</v>
      </c>
    </row>
    <row r="111" spans="1:34">
      <c r="A111" s="52" t="s">
        <v>546</v>
      </c>
      <c r="B111" s="107">
        <v>72</v>
      </c>
      <c r="C111" s="42">
        <v>2.3245166390322174</v>
      </c>
      <c r="D111" s="43">
        <v>0.40658378818097779</v>
      </c>
      <c r="E111" s="108">
        <v>0.76317802567875104</v>
      </c>
      <c r="F111" s="89">
        <v>9.9428967277742641E-2</v>
      </c>
      <c r="G111" s="108">
        <v>8.3911121276705816E-2</v>
      </c>
      <c r="H111" s="89">
        <v>7.0567126098077873E-2</v>
      </c>
      <c r="I111" s="108">
        <v>0.11927468466302227</v>
      </c>
      <c r="J111" s="89">
        <v>7.944040680338435E-2</v>
      </c>
      <c r="K111" s="88">
        <v>3.3636168381520337E-2</v>
      </c>
      <c r="L111" s="89">
        <v>5.3703146414395331E-2</v>
      </c>
      <c r="M111" s="107">
        <v>72</v>
      </c>
      <c r="N111" s="42">
        <v>3.5464409609504846</v>
      </c>
      <c r="O111" s="43">
        <v>0.42962423232261848</v>
      </c>
      <c r="P111" s="108">
        <v>0.14940699518615952</v>
      </c>
      <c r="Q111" s="89">
        <v>8.5742124972298758E-2</v>
      </c>
      <c r="R111" s="108">
        <v>0.26865417571395328</v>
      </c>
      <c r="S111" s="89">
        <v>0.10310052075258237</v>
      </c>
      <c r="T111" s="108">
        <v>0.48996208621120013</v>
      </c>
      <c r="U111" s="89">
        <v>0.11468711841114615</v>
      </c>
      <c r="V111" s="88">
        <v>9.1976742888686278E-2</v>
      </c>
      <c r="W111" s="89">
        <v>7.275784421710639E-2</v>
      </c>
      <c r="X111" s="107">
        <v>72</v>
      </c>
      <c r="Y111" s="42">
        <v>1.4436313768190514</v>
      </c>
      <c r="Z111" s="43">
        <v>0.20396632930188852</v>
      </c>
      <c r="AA111" s="108">
        <v>0.87659699136641034</v>
      </c>
      <c r="AB111" s="89">
        <v>8.0364569487571452E-2</v>
      </c>
      <c r="AC111" s="108">
        <v>4.1006605185944872E-2</v>
      </c>
      <c r="AD111" s="89">
        <v>5.6623310031184509E-2</v>
      </c>
      <c r="AE111" s="108">
        <v>3.4870010363045927E-2</v>
      </c>
      <c r="AF111" s="89">
        <v>5.4206258132631698E-2</v>
      </c>
      <c r="AG111" s="88">
        <v>4.7526393084598793E-2</v>
      </c>
      <c r="AH111" s="89">
        <v>5.9050061116192869E-2</v>
      </c>
    </row>
    <row r="112" spans="1:34">
      <c r="A112" s="44" t="s">
        <v>547</v>
      </c>
      <c r="B112" s="109">
        <v>95</v>
      </c>
      <c r="C112" s="46">
        <v>2.6061034545281561</v>
      </c>
      <c r="D112" s="47">
        <v>0.38256673530933993</v>
      </c>
      <c r="E112" s="110">
        <v>0.66051958159430602</v>
      </c>
      <c r="F112" s="92">
        <v>9.561571755589704E-2</v>
      </c>
      <c r="G112" s="110">
        <v>0.16757656730416784</v>
      </c>
      <c r="H112" s="92">
        <v>7.7392868216080213E-2</v>
      </c>
      <c r="I112" s="110">
        <v>0.14590935954725581</v>
      </c>
      <c r="J112" s="92">
        <v>7.3730842399493443E-2</v>
      </c>
      <c r="K112" s="91">
        <v>2.5994491554268757E-2</v>
      </c>
      <c r="L112" s="92">
        <v>4.1734150080117237E-2</v>
      </c>
      <c r="M112" s="109">
        <v>94</v>
      </c>
      <c r="N112" s="46">
        <v>4.1002781270223405</v>
      </c>
      <c r="O112" s="47">
        <v>0.33290262379530677</v>
      </c>
      <c r="P112" s="110">
        <v>0.16394749385214596</v>
      </c>
      <c r="Q112" s="92">
        <v>7.7222036945266359E-2</v>
      </c>
      <c r="R112" s="110">
        <v>0.45686767272592499</v>
      </c>
      <c r="S112" s="92">
        <v>0.10066885949589036</v>
      </c>
      <c r="T112" s="110">
        <v>0.31360941400484049</v>
      </c>
      <c r="U112" s="92">
        <v>9.4336935855141427E-2</v>
      </c>
      <c r="V112" s="91">
        <v>6.557541941708718E-2</v>
      </c>
      <c r="W112" s="92">
        <v>5.5830272264902725E-2</v>
      </c>
      <c r="X112" s="109">
        <v>95</v>
      </c>
      <c r="Y112" s="46">
        <v>1.6230589582560464</v>
      </c>
      <c r="Z112" s="47">
        <v>0.20867938203021785</v>
      </c>
      <c r="AA112" s="110">
        <v>0.7804857928536364</v>
      </c>
      <c r="AB112" s="92">
        <v>8.4699503184537561E-2</v>
      </c>
      <c r="AC112" s="110">
        <v>0.12183990031959656</v>
      </c>
      <c r="AD112" s="92">
        <v>6.9141181783362163E-2</v>
      </c>
      <c r="AE112" s="110">
        <v>7.2997056905782523E-2</v>
      </c>
      <c r="AF112" s="92">
        <v>5.7596539082249307E-2</v>
      </c>
      <c r="AG112" s="91">
        <v>2.4677249920982695E-2</v>
      </c>
      <c r="AH112" s="92">
        <v>4.1172983790990512E-2</v>
      </c>
    </row>
    <row r="113" spans="1:34">
      <c r="A113" s="52" t="s">
        <v>551</v>
      </c>
      <c r="B113" s="107">
        <v>755</v>
      </c>
      <c r="C113" s="42">
        <v>3.547555767016211</v>
      </c>
      <c r="D113" s="43">
        <v>0.15228133415168157</v>
      </c>
      <c r="E113" s="108">
        <v>0.49241401808413876</v>
      </c>
      <c r="F113" s="89">
        <v>3.6293566457496346E-2</v>
      </c>
      <c r="G113" s="108">
        <v>0.12183275708081535</v>
      </c>
      <c r="H113" s="89">
        <v>2.3911664519629755E-2</v>
      </c>
      <c r="I113" s="108">
        <v>0.33902498080822591</v>
      </c>
      <c r="J113" s="89">
        <v>3.4385970944937595E-2</v>
      </c>
      <c r="K113" s="88">
        <v>4.6728244026821832E-2</v>
      </c>
      <c r="L113" s="89">
        <v>1.5688762297647398E-2</v>
      </c>
      <c r="M113" s="107">
        <v>766</v>
      </c>
      <c r="N113" s="42">
        <v>3.3361178994639009</v>
      </c>
      <c r="O113" s="43">
        <v>0.13110244351823852</v>
      </c>
      <c r="P113" s="108">
        <v>0.11658271966056694</v>
      </c>
      <c r="Q113" s="89">
        <v>2.3300920914402001E-2</v>
      </c>
      <c r="R113" s="108">
        <v>0.31978350189286919</v>
      </c>
      <c r="S113" s="89">
        <v>3.364123713939525E-2</v>
      </c>
      <c r="T113" s="108">
        <v>0.48380879406824151</v>
      </c>
      <c r="U113" s="89">
        <v>3.6018794622477521E-2</v>
      </c>
      <c r="V113" s="88">
        <v>7.9824984378324484E-2</v>
      </c>
      <c r="W113" s="89">
        <v>1.9775683211623804E-2</v>
      </c>
      <c r="X113" s="107">
        <v>751</v>
      </c>
      <c r="Y113" s="42">
        <v>2.0850169550278355</v>
      </c>
      <c r="Z113" s="43">
        <v>9.5426548929050239E-2</v>
      </c>
      <c r="AA113" s="108">
        <v>0.65413697734311371</v>
      </c>
      <c r="AB113" s="89">
        <v>3.4640470757301423E-2</v>
      </c>
      <c r="AC113" s="108">
        <v>0.14702214266349439</v>
      </c>
      <c r="AD113" s="89">
        <v>2.5911037782125879E-2</v>
      </c>
      <c r="AE113" s="108">
        <v>0.15042968002946391</v>
      </c>
      <c r="AF113" s="89">
        <v>2.6152075835498032E-2</v>
      </c>
      <c r="AG113" s="88">
        <v>4.8411199963927995E-2</v>
      </c>
      <c r="AH113" s="89">
        <v>1.5983883455171218E-2</v>
      </c>
    </row>
    <row r="114" spans="1:34">
      <c r="A114" s="44" t="s">
        <v>552</v>
      </c>
      <c r="B114" s="109">
        <v>208</v>
      </c>
      <c r="C114" s="46">
        <v>3.2618235996667369</v>
      </c>
      <c r="D114" s="47">
        <v>0.28169009522655164</v>
      </c>
      <c r="E114" s="110">
        <v>0.5633160435010991</v>
      </c>
      <c r="F114" s="92">
        <v>6.814813657892986E-2</v>
      </c>
      <c r="G114" s="110">
        <v>9.1195487398065891E-2</v>
      </c>
      <c r="H114" s="92">
        <v>4.1007554138424863E-2</v>
      </c>
      <c r="I114" s="110">
        <v>0.30111831510788967</v>
      </c>
      <c r="J114" s="92">
        <v>6.3234304518599724E-2</v>
      </c>
      <c r="K114" s="91">
        <v>4.4370153992945395E-2</v>
      </c>
      <c r="L114" s="92">
        <v>3.0764303754744676E-2</v>
      </c>
      <c r="M114" s="109">
        <v>206</v>
      </c>
      <c r="N114" s="46">
        <v>3.1902874687405545</v>
      </c>
      <c r="O114" s="47">
        <v>0.25682903796325002</v>
      </c>
      <c r="P114" s="110">
        <v>0.10693684452612233</v>
      </c>
      <c r="Q114" s="92">
        <v>4.3933058279701981E-2</v>
      </c>
      <c r="R114" s="110">
        <v>0.30123908817287526</v>
      </c>
      <c r="S114" s="92">
        <v>6.3543723738274341E-2</v>
      </c>
      <c r="T114" s="110">
        <v>0.52685743309779698</v>
      </c>
      <c r="U114" s="92">
        <v>6.8910693828456188E-2</v>
      </c>
      <c r="V114" s="91">
        <v>6.4966634203205753E-2</v>
      </c>
      <c r="W114" s="92">
        <v>3.5959496886917984E-2</v>
      </c>
      <c r="X114" s="109">
        <v>210</v>
      </c>
      <c r="Y114" s="46">
        <v>1.9040656831724478</v>
      </c>
      <c r="Z114" s="47">
        <v>0.17088898232794925</v>
      </c>
      <c r="AA114" s="110">
        <v>0.7359899367126076</v>
      </c>
      <c r="AB114" s="92">
        <v>6.0584567991123689E-2</v>
      </c>
      <c r="AC114" s="110">
        <v>9.6538352702321528E-2</v>
      </c>
      <c r="AD114" s="92">
        <v>4.1748492532477151E-2</v>
      </c>
      <c r="AE114" s="110">
        <v>0.12831344774440148</v>
      </c>
      <c r="AF114" s="92">
        <v>4.6757549184160786E-2</v>
      </c>
      <c r="AG114" s="91">
        <v>3.9158262840669297E-2</v>
      </c>
      <c r="AH114" s="92">
        <v>2.9159551731826234E-2</v>
      </c>
    </row>
    <row r="115" spans="1:34">
      <c r="A115" s="52" t="s">
        <v>553</v>
      </c>
      <c r="B115" s="107">
        <v>270</v>
      </c>
      <c r="C115" s="42">
        <v>3.8572884797870253</v>
      </c>
      <c r="D115" s="43">
        <v>0.25802491597306754</v>
      </c>
      <c r="E115" s="108">
        <v>0.42243895630965611</v>
      </c>
      <c r="F115" s="89">
        <v>5.9702259280214109E-2</v>
      </c>
      <c r="G115" s="108">
        <v>0.14992666346007039</v>
      </c>
      <c r="H115" s="89">
        <v>4.37312099487887E-2</v>
      </c>
      <c r="I115" s="108">
        <v>0.37597527825633115</v>
      </c>
      <c r="J115" s="89">
        <v>5.8579748316490057E-2</v>
      </c>
      <c r="K115" s="88">
        <v>5.1659101973943473E-2</v>
      </c>
      <c r="L115" s="89">
        <v>2.8288527197753478E-2</v>
      </c>
      <c r="M115" s="107">
        <v>267</v>
      </c>
      <c r="N115" s="42">
        <v>3.4020170259073454</v>
      </c>
      <c r="O115" s="43">
        <v>0.21820718660838118</v>
      </c>
      <c r="P115" s="108">
        <v>0.12295012054036659</v>
      </c>
      <c r="Q115" s="89">
        <v>4.0658639427355758E-2</v>
      </c>
      <c r="R115" s="108">
        <v>0.31481567277963035</v>
      </c>
      <c r="S115" s="89">
        <v>5.6557013676951123E-2</v>
      </c>
      <c r="T115" s="108">
        <v>0.48644336360668006</v>
      </c>
      <c r="U115" s="89">
        <v>6.0723996348723185E-2</v>
      </c>
      <c r="V115" s="88">
        <v>7.5790843073323705E-2</v>
      </c>
      <c r="W115" s="89">
        <v>3.3342605730260058E-2</v>
      </c>
      <c r="X115" s="107">
        <v>274</v>
      </c>
      <c r="Y115" s="42">
        <v>2.1899210056161285</v>
      </c>
      <c r="Z115" s="43">
        <v>0.15571481821499089</v>
      </c>
      <c r="AA115" s="108">
        <v>0.61092954390223386</v>
      </c>
      <c r="AB115" s="89">
        <v>5.852456901682599E-2</v>
      </c>
      <c r="AC115" s="108">
        <v>0.17213317816677998</v>
      </c>
      <c r="AD115" s="89">
        <v>4.5766772074668137E-2</v>
      </c>
      <c r="AE115" s="108">
        <v>0.14913408752092014</v>
      </c>
      <c r="AF115" s="89">
        <v>4.3317510886807159E-2</v>
      </c>
      <c r="AG115" s="88">
        <v>6.7803190410067216E-2</v>
      </c>
      <c r="AH115" s="89">
        <v>3.1404214383223418E-2</v>
      </c>
    </row>
    <row r="116" spans="1:34">
      <c r="A116" s="44" t="s">
        <v>554</v>
      </c>
      <c r="B116" s="109">
        <v>240</v>
      </c>
      <c r="C116" s="46">
        <v>3.3828641237424968</v>
      </c>
      <c r="D116" s="47">
        <v>0.27248181019409912</v>
      </c>
      <c r="E116" s="110">
        <v>0.53452425921639435</v>
      </c>
      <c r="F116" s="92">
        <v>6.3870621622462737E-2</v>
      </c>
      <c r="G116" s="110">
        <v>9.8620093179218007E-2</v>
      </c>
      <c r="H116" s="92">
        <v>3.9283132067745058E-2</v>
      </c>
      <c r="I116" s="110">
        <v>0.32073715174454903</v>
      </c>
      <c r="J116" s="92">
        <v>5.990563715795174E-2</v>
      </c>
      <c r="K116" s="91">
        <v>4.6118495859839265E-2</v>
      </c>
      <c r="L116" s="92">
        <v>2.8826954285024197E-2</v>
      </c>
      <c r="M116" s="109">
        <v>242</v>
      </c>
      <c r="N116" s="46">
        <v>3.3423438511931383</v>
      </c>
      <c r="O116" s="47">
        <v>0.23089581253833022</v>
      </c>
      <c r="P116" s="110">
        <v>9.979475036285812E-2</v>
      </c>
      <c r="Q116" s="92">
        <v>3.9303282948362682E-2</v>
      </c>
      <c r="R116" s="110">
        <v>0.35104826019958485</v>
      </c>
      <c r="S116" s="92">
        <v>6.0958339678876552E-2</v>
      </c>
      <c r="T116" s="110">
        <v>0.4506141174826962</v>
      </c>
      <c r="U116" s="92">
        <v>6.3455983811402938E-2</v>
      </c>
      <c r="V116" s="91">
        <v>9.8542871954861722E-2</v>
      </c>
      <c r="W116" s="92">
        <v>3.910186671725626E-2</v>
      </c>
      <c r="X116" s="109">
        <v>241</v>
      </c>
      <c r="Y116" s="46">
        <v>2.0361215393735028</v>
      </c>
      <c r="Z116" s="47">
        <v>0.16990932196152864</v>
      </c>
      <c r="AA116" s="110">
        <v>0.67003780136742308</v>
      </c>
      <c r="AB116" s="92">
        <v>6.0206926499800542E-2</v>
      </c>
      <c r="AC116" s="110">
        <v>0.1422286214136447</v>
      </c>
      <c r="AD116" s="92">
        <v>4.5381849293004171E-2</v>
      </c>
      <c r="AE116" s="110">
        <v>0.15415552290764292</v>
      </c>
      <c r="AF116" s="92">
        <v>4.6819723012974344E-2</v>
      </c>
      <c r="AG116" s="91">
        <v>3.357805431128956E-2</v>
      </c>
      <c r="AH116" s="92">
        <v>2.5393630718005416E-2</v>
      </c>
    </row>
    <row r="119" spans="1:34" ht="18.75">
      <c r="A119" s="344" t="s">
        <v>477</v>
      </c>
      <c r="B119" s="344"/>
      <c r="C119" s="344"/>
      <c r="D119" s="344"/>
      <c r="E119" s="344"/>
      <c r="F119" s="344"/>
      <c r="G119" s="344"/>
      <c r="H119" s="344"/>
      <c r="I119" s="344"/>
      <c r="J119" s="344"/>
      <c r="K119" s="344"/>
      <c r="L119" s="344"/>
    </row>
    <row r="120" spans="1:34" ht="59.25" customHeight="1">
      <c r="A120" s="367" t="s">
        <v>478</v>
      </c>
      <c r="B120" s="367"/>
      <c r="C120" s="367"/>
      <c r="D120" s="367"/>
      <c r="E120" s="367"/>
      <c r="F120" s="367"/>
      <c r="G120" s="367"/>
      <c r="H120" s="367"/>
      <c r="I120" s="367"/>
      <c r="J120" s="367"/>
      <c r="K120" s="367"/>
      <c r="L120" s="367"/>
    </row>
    <row r="121" spans="1:34" ht="45" customHeight="1">
      <c r="A121" s="365" t="s">
        <v>476</v>
      </c>
      <c r="B121" s="366"/>
      <c r="C121" s="366"/>
      <c r="D121" s="366"/>
      <c r="E121" s="366"/>
      <c r="F121" s="366"/>
      <c r="G121" s="366"/>
      <c r="H121" s="366"/>
      <c r="I121" s="366"/>
      <c r="J121" s="366"/>
      <c r="K121" s="366"/>
      <c r="L121" s="366"/>
    </row>
    <row r="122" spans="1:34" ht="72">
      <c r="A122" s="32" t="s">
        <v>71</v>
      </c>
      <c r="B122" s="60" t="s">
        <v>72</v>
      </c>
      <c r="C122" s="60" t="s">
        <v>593</v>
      </c>
      <c r="D122" s="83" t="s">
        <v>73</v>
      </c>
      <c r="E122" s="60" t="s">
        <v>156</v>
      </c>
      <c r="F122" s="83" t="s">
        <v>85</v>
      </c>
      <c r="G122" s="60" t="s">
        <v>157</v>
      </c>
      <c r="H122" s="83" t="s">
        <v>86</v>
      </c>
      <c r="I122" s="60" t="s">
        <v>158</v>
      </c>
      <c r="J122" s="83" t="s">
        <v>87</v>
      </c>
      <c r="K122" s="60" t="s">
        <v>301</v>
      </c>
      <c r="L122" s="83" t="s">
        <v>300</v>
      </c>
    </row>
    <row r="123" spans="1:34" ht="72">
      <c r="A123" s="36"/>
      <c r="B123" s="63" t="s">
        <v>74</v>
      </c>
      <c r="C123" s="63" t="s">
        <v>302</v>
      </c>
      <c r="D123" s="85" t="s">
        <v>76</v>
      </c>
      <c r="E123" s="63" t="s">
        <v>159</v>
      </c>
      <c r="F123" s="85" t="s">
        <v>88</v>
      </c>
      <c r="G123" s="63" t="s">
        <v>160</v>
      </c>
      <c r="H123" s="85" t="s">
        <v>88</v>
      </c>
      <c r="I123" s="63" t="s">
        <v>161</v>
      </c>
      <c r="J123" s="85" t="s">
        <v>88</v>
      </c>
      <c r="K123" s="63" t="s">
        <v>301</v>
      </c>
      <c r="L123" s="85" t="s">
        <v>88</v>
      </c>
    </row>
    <row r="124" spans="1:34">
      <c r="A124" s="40" t="s">
        <v>350</v>
      </c>
      <c r="B124" s="107">
        <v>13874</v>
      </c>
      <c r="C124" s="42">
        <v>5.0634827782403242</v>
      </c>
      <c r="D124" s="43">
        <v>2.7159998507101851E-2</v>
      </c>
      <c r="E124" s="108">
        <v>0.15727631081079141</v>
      </c>
      <c r="F124" s="89">
        <v>6.1823231189941574E-3</v>
      </c>
      <c r="G124" s="108">
        <v>0.16470468259302579</v>
      </c>
      <c r="H124" s="89">
        <v>6.2985676792330471E-3</v>
      </c>
      <c r="I124" s="108">
        <v>0.66027281990802011</v>
      </c>
      <c r="J124" s="89">
        <v>8.040957064815564E-3</v>
      </c>
      <c r="K124" s="88">
        <v>1.7746186688175177E-2</v>
      </c>
      <c r="L124" s="89">
        <v>2.2500615627494983E-3</v>
      </c>
    </row>
    <row r="125" spans="1:34">
      <c r="A125" s="44" t="s">
        <v>351</v>
      </c>
      <c r="B125" s="109">
        <v>10169</v>
      </c>
      <c r="C125" s="46">
        <v>5.1868473565848552</v>
      </c>
      <c r="D125" s="47">
        <v>3.1449030036259353E-2</v>
      </c>
      <c r="E125" s="110">
        <v>0.14559714006374416</v>
      </c>
      <c r="F125" s="92">
        <v>6.9965759779157316E-3</v>
      </c>
      <c r="G125" s="110">
        <v>0.14989961557926051</v>
      </c>
      <c r="H125" s="92">
        <v>7.0811696047721308E-3</v>
      </c>
      <c r="I125" s="110">
        <v>0.69324695550056037</v>
      </c>
      <c r="J125" s="92">
        <v>9.1447930053415571E-3</v>
      </c>
      <c r="K125" s="91">
        <v>1.1256288856427257E-2</v>
      </c>
      <c r="L125" s="92">
        <v>2.1094959711019522E-3</v>
      </c>
    </row>
    <row r="126" spans="1:34">
      <c r="A126" s="40" t="s">
        <v>352</v>
      </c>
      <c r="B126" s="78">
        <v>3705</v>
      </c>
      <c r="C126" s="42">
        <v>4.9626142427155866</v>
      </c>
      <c r="D126" s="43">
        <v>5.2884839506120052E-2</v>
      </c>
      <c r="E126" s="93">
        <v>0.16671241382169902</v>
      </c>
      <c r="F126" s="89">
        <v>1.2250589576164537E-2</v>
      </c>
      <c r="G126" s="93">
        <v>0.17666633127948095</v>
      </c>
      <c r="H126" s="89">
        <v>1.2534372739120028E-2</v>
      </c>
      <c r="I126" s="93">
        <v>0.63363160137579666</v>
      </c>
      <c r="J126" s="89">
        <v>1.5823953681712175E-2</v>
      </c>
      <c r="K126" s="88">
        <v>2.2989653523023176E-2</v>
      </c>
      <c r="L126" s="89">
        <v>4.9751766494316842E-3</v>
      </c>
    </row>
    <row r="127" spans="1:34">
      <c r="A127" s="44" t="s">
        <v>534</v>
      </c>
      <c r="B127" s="109">
        <v>3202</v>
      </c>
      <c r="C127" s="46">
        <v>5.1551440382184834</v>
      </c>
      <c r="D127" s="47">
        <v>5.419026670909409E-2</v>
      </c>
      <c r="E127" s="110">
        <v>0.14122264026075446</v>
      </c>
      <c r="F127" s="92">
        <v>1.2317276157857292E-2</v>
      </c>
      <c r="G127" s="110">
        <v>0.16361527896826356</v>
      </c>
      <c r="H127" s="92">
        <v>1.3080083510716467E-2</v>
      </c>
      <c r="I127" s="110">
        <v>0.67062981365351093</v>
      </c>
      <c r="J127" s="92">
        <v>1.6603634784792917E-2</v>
      </c>
      <c r="K127" s="91">
        <v>2.4532267117466842E-2</v>
      </c>
      <c r="L127" s="92">
        <v>5.5281505267421446E-3</v>
      </c>
    </row>
    <row r="128" spans="1:34">
      <c r="A128" s="40" t="s">
        <v>535</v>
      </c>
      <c r="B128" s="78">
        <v>2516</v>
      </c>
      <c r="C128" s="42">
        <v>5.453482163534189</v>
      </c>
      <c r="D128" s="43">
        <v>5.981919464858871E-2</v>
      </c>
      <c r="E128" s="93">
        <v>0.10909654699783841</v>
      </c>
      <c r="F128" s="89">
        <v>1.2451761033688783E-2</v>
      </c>
      <c r="G128" s="93">
        <v>0.13260060860917591</v>
      </c>
      <c r="H128" s="89">
        <v>1.3536890360182735E-2</v>
      </c>
      <c r="I128" s="93">
        <v>0.74862803861341465</v>
      </c>
      <c r="J128" s="89">
        <v>1.7292083867640206E-2</v>
      </c>
      <c r="K128" s="88">
        <v>9.6748057795744812E-3</v>
      </c>
      <c r="L128" s="89">
        <v>4.0520095826576752E-3</v>
      </c>
    </row>
    <row r="129" spans="1:12">
      <c r="A129" s="44" t="s">
        <v>536</v>
      </c>
      <c r="B129" s="109">
        <v>366</v>
      </c>
      <c r="C129" s="46">
        <v>5.2686377529583073</v>
      </c>
      <c r="D129" s="47">
        <v>0.15807487437511744</v>
      </c>
      <c r="E129" s="110">
        <v>0.12945700342612815</v>
      </c>
      <c r="F129" s="92">
        <v>3.5359242839812226E-2</v>
      </c>
      <c r="G129" s="110">
        <v>0.10771814794238774</v>
      </c>
      <c r="H129" s="92">
        <v>3.27850011516276E-2</v>
      </c>
      <c r="I129" s="110">
        <v>0.75500079662200648</v>
      </c>
      <c r="J129" s="92">
        <v>4.4886999104619463E-2</v>
      </c>
      <c r="K129" s="91">
        <v>7.8240520094779269E-3</v>
      </c>
      <c r="L129" s="92">
        <v>1.1842244756545807E-2</v>
      </c>
    </row>
    <row r="130" spans="1:12">
      <c r="A130" s="40" t="s">
        <v>537</v>
      </c>
      <c r="B130" s="78">
        <v>85</v>
      </c>
      <c r="C130" s="42">
        <v>5.3995961302725926</v>
      </c>
      <c r="D130" s="43">
        <v>0.31387600311065467</v>
      </c>
      <c r="E130" s="93">
        <v>0.11458131699820572</v>
      </c>
      <c r="F130" s="89">
        <v>7.173765261723869E-2</v>
      </c>
      <c r="G130" s="93">
        <v>8.5788478662247328E-2</v>
      </c>
      <c r="H130" s="89">
        <v>6.4826260399405422E-2</v>
      </c>
      <c r="I130" s="93">
        <v>0.79963020433954801</v>
      </c>
      <c r="J130" s="89">
        <v>8.692250176618975E-2</v>
      </c>
      <c r="K130" s="88">
        <v>0</v>
      </c>
      <c r="L130" s="89">
        <v>3.1420971575578778E-2</v>
      </c>
    </row>
    <row r="131" spans="1:12">
      <c r="A131" s="44" t="s">
        <v>538</v>
      </c>
      <c r="B131" s="109">
        <v>64</v>
      </c>
      <c r="C131" s="46">
        <v>5.3141738840342541</v>
      </c>
      <c r="D131" s="47">
        <v>0.37008351159644426</v>
      </c>
      <c r="E131" s="110">
        <v>9.4702308478000694E-2</v>
      </c>
      <c r="F131" s="92">
        <v>7.8399738717564185E-2</v>
      </c>
      <c r="G131" s="110">
        <v>0.18753991220434341</v>
      </c>
      <c r="H131" s="92">
        <v>9.8074672931221421E-2</v>
      </c>
      <c r="I131" s="110">
        <v>0.7177577793176555</v>
      </c>
      <c r="J131" s="92">
        <v>0.11061223022826989</v>
      </c>
      <c r="K131" s="91">
        <v>0</v>
      </c>
      <c r="L131" s="92">
        <v>4.097826741289623E-2</v>
      </c>
    </row>
    <row r="132" spans="1:12">
      <c r="A132" s="40" t="s">
        <v>539</v>
      </c>
      <c r="B132" s="78">
        <v>64</v>
      </c>
      <c r="C132" s="42">
        <v>4.8384674578005518</v>
      </c>
      <c r="D132" s="43">
        <v>0.41202272180338778</v>
      </c>
      <c r="E132" s="93">
        <v>0.20898337854917312</v>
      </c>
      <c r="F132" s="89">
        <v>0.10145410072767963</v>
      </c>
      <c r="G132" s="93">
        <v>6.8201423970917899E-2</v>
      </c>
      <c r="H132" s="89">
        <v>7.0644149384829338E-2</v>
      </c>
      <c r="I132" s="93">
        <v>0.68975660575576014</v>
      </c>
      <c r="J132" s="89">
        <v>0.11326803753117812</v>
      </c>
      <c r="K132" s="88">
        <v>3.3058591724148913E-2</v>
      </c>
      <c r="L132" s="89">
        <v>5.7834636978476878E-2</v>
      </c>
    </row>
    <row r="133" spans="1:12">
      <c r="A133" s="44" t="s">
        <v>540</v>
      </c>
      <c r="B133" s="109">
        <v>76</v>
      </c>
      <c r="C133" s="46">
        <v>5.4509320685669547</v>
      </c>
      <c r="D133" s="47">
        <v>0.36285996532173814</v>
      </c>
      <c r="E133" s="110">
        <v>0.14168427279154103</v>
      </c>
      <c r="F133" s="92">
        <v>8.1892576058716582E-2</v>
      </c>
      <c r="G133" s="110">
        <v>8.6623912915005888E-2</v>
      </c>
      <c r="H133" s="92">
        <v>6.9202958784373936E-2</v>
      </c>
      <c r="I133" s="110">
        <v>0.76786381088224243</v>
      </c>
      <c r="J133" s="92">
        <v>9.6240506904506473E-2</v>
      </c>
      <c r="K133" s="91">
        <v>3.8280034112102203E-3</v>
      </c>
      <c r="L133" s="92">
        <v>3.7293798543113918E-2</v>
      </c>
    </row>
    <row r="134" spans="1:12">
      <c r="A134" s="40" t="s">
        <v>541</v>
      </c>
      <c r="B134" s="107">
        <v>77</v>
      </c>
      <c r="C134" s="42">
        <v>5.3726693210998615</v>
      </c>
      <c r="D134" s="43">
        <v>0.3171754419608116</v>
      </c>
      <c r="E134" s="108">
        <v>8.2955335994149629E-2</v>
      </c>
      <c r="F134" s="89">
        <v>6.7705791980248675E-2</v>
      </c>
      <c r="G134" s="108">
        <v>0.1212785868605474</v>
      </c>
      <c r="H134" s="89">
        <v>7.7103820474729051E-2</v>
      </c>
      <c r="I134" s="108">
        <v>0.79576607714530423</v>
      </c>
      <c r="J134" s="89">
        <v>9.1879916378513699E-2</v>
      </c>
      <c r="K134" s="88">
        <v>0</v>
      </c>
      <c r="L134" s="89">
        <v>3.4485061975244265E-2</v>
      </c>
    </row>
    <row r="135" spans="1:12">
      <c r="A135" s="44" t="s">
        <v>542</v>
      </c>
      <c r="B135" s="109">
        <v>608</v>
      </c>
      <c r="C135" s="46">
        <v>5.4515000300338832</v>
      </c>
      <c r="D135" s="47">
        <v>0.12396983492092302</v>
      </c>
      <c r="E135" s="110">
        <v>0.12487789111704213</v>
      </c>
      <c r="F135" s="92">
        <v>2.6949095664842038E-2</v>
      </c>
      <c r="G135" s="110">
        <v>0.11780029668309468</v>
      </c>
      <c r="H135" s="92">
        <v>2.6299760779026116E-2</v>
      </c>
      <c r="I135" s="110">
        <v>0.75214917950699212</v>
      </c>
      <c r="J135" s="92">
        <v>3.4983579343737081E-2</v>
      </c>
      <c r="K135" s="91">
        <v>5.1726326928667856E-3</v>
      </c>
      <c r="L135" s="92">
        <v>7.3813597731352872E-3</v>
      </c>
    </row>
    <row r="136" spans="1:12">
      <c r="A136" s="40" t="s">
        <v>543</v>
      </c>
      <c r="B136" s="78">
        <v>59</v>
      </c>
      <c r="C136" s="42">
        <v>6.1591028847072717</v>
      </c>
      <c r="D136" s="43">
        <v>0.34164197149678754</v>
      </c>
      <c r="E136" s="93">
        <v>6.8414181844859825E-2</v>
      </c>
      <c r="F136" s="89">
        <v>7.4166549072336801E-2</v>
      </c>
      <c r="G136" s="93">
        <v>2.7914730987221067E-2</v>
      </c>
      <c r="H136" s="89">
        <v>5.8844606845623759E-2</v>
      </c>
      <c r="I136" s="93">
        <v>0.87082393472534558</v>
      </c>
      <c r="J136" s="89">
        <v>9.0640370364723416E-2</v>
      </c>
      <c r="K136" s="93">
        <v>3.2847152442573718E-2</v>
      </c>
      <c r="L136" s="89">
        <v>6.0997238711445287E-2</v>
      </c>
    </row>
    <row r="137" spans="1:12">
      <c r="A137" s="44" t="s">
        <v>550</v>
      </c>
      <c r="B137" s="109">
        <v>108</v>
      </c>
      <c r="C137" s="46">
        <v>5.2384289708952512</v>
      </c>
      <c r="D137" s="47">
        <v>0.29442029212238924</v>
      </c>
      <c r="E137" s="110">
        <v>0.11871772961180828</v>
      </c>
      <c r="F137" s="92">
        <v>6.4037492818671646E-2</v>
      </c>
      <c r="G137" s="110">
        <v>0.13661491326696806</v>
      </c>
      <c r="H137" s="92">
        <v>6.7404668333239715E-2</v>
      </c>
      <c r="I137" s="110">
        <v>0.73643175450706366</v>
      </c>
      <c r="J137" s="92">
        <v>8.4096368996911947E-2</v>
      </c>
      <c r="K137" s="91">
        <v>8.235602614160252E-3</v>
      </c>
      <c r="L137" s="92">
        <v>2.9960121219346634E-2</v>
      </c>
    </row>
    <row r="138" spans="1:12">
      <c r="A138" s="52" t="s">
        <v>544</v>
      </c>
      <c r="B138" s="107">
        <v>121</v>
      </c>
      <c r="C138" s="42">
        <v>4.8775225972640994</v>
      </c>
      <c r="D138" s="43">
        <v>0.32589713281412985</v>
      </c>
      <c r="E138" s="108">
        <v>0.26708397372403347</v>
      </c>
      <c r="F138" s="89">
        <v>7.9833138953788546E-2</v>
      </c>
      <c r="G138" s="108">
        <v>0.1049791775823334</v>
      </c>
      <c r="H138" s="89">
        <v>5.7629274844151E-2</v>
      </c>
      <c r="I138" s="108">
        <v>0.62678828274041765</v>
      </c>
      <c r="J138" s="89">
        <v>8.6706325024671682E-2</v>
      </c>
      <c r="K138" s="88">
        <v>1.1485659532160482E-3</v>
      </c>
      <c r="L138" s="89">
        <v>2.3199308774649447E-2</v>
      </c>
    </row>
    <row r="139" spans="1:12">
      <c r="A139" s="44" t="s">
        <v>545</v>
      </c>
      <c r="B139" s="109">
        <v>153</v>
      </c>
      <c r="C139" s="46">
        <v>5.6284662403287946</v>
      </c>
      <c r="D139" s="47">
        <v>0.21012318166468119</v>
      </c>
      <c r="E139" s="110">
        <v>6.474629826270463E-2</v>
      </c>
      <c r="F139" s="92">
        <v>4.2256279584151547E-2</v>
      </c>
      <c r="G139" s="110">
        <v>0.13362524686327856</v>
      </c>
      <c r="H139" s="92">
        <v>5.5871138841704561E-2</v>
      </c>
      <c r="I139" s="110">
        <v>0.80066443656855113</v>
      </c>
      <c r="J139" s="92">
        <v>6.4669377870481562E-2</v>
      </c>
      <c r="K139" s="91">
        <v>9.640183054655621E-4</v>
      </c>
      <c r="L139" s="92">
        <v>1.8539827774214653E-2</v>
      </c>
    </row>
    <row r="140" spans="1:12">
      <c r="A140" s="52" t="s">
        <v>546</v>
      </c>
      <c r="B140" s="107">
        <v>72</v>
      </c>
      <c r="C140" s="42">
        <v>5.9921619493301828</v>
      </c>
      <c r="D140" s="43">
        <v>0.31612860280931793</v>
      </c>
      <c r="E140" s="108">
        <v>5.645815534047352E-2</v>
      </c>
      <c r="F140" s="89">
        <v>6.2168713514362657E-2</v>
      </c>
      <c r="G140" s="108">
        <v>0.10831713952660886</v>
      </c>
      <c r="H140" s="89">
        <v>7.6882877210201594E-2</v>
      </c>
      <c r="I140" s="108">
        <v>0.83522470513291747</v>
      </c>
      <c r="J140" s="89">
        <v>8.8597884655936307E-2</v>
      </c>
      <c r="K140" s="88">
        <v>0</v>
      </c>
      <c r="L140" s="89">
        <v>3.6723195522334773E-2</v>
      </c>
    </row>
    <row r="141" spans="1:12">
      <c r="A141" s="44" t="s">
        <v>547</v>
      </c>
      <c r="B141" s="109">
        <v>95</v>
      </c>
      <c r="C141" s="46">
        <v>5.3652941860032195</v>
      </c>
      <c r="D141" s="47">
        <v>0.3075432161056898</v>
      </c>
      <c r="E141" s="110">
        <v>0.12693431425744975</v>
      </c>
      <c r="F141" s="92">
        <v>7.0163300273131973E-2</v>
      </c>
      <c r="G141" s="110">
        <v>0.15156967900882581</v>
      </c>
      <c r="H141" s="92">
        <v>7.4727388894307953E-2</v>
      </c>
      <c r="I141" s="110">
        <v>0.72013331906354683</v>
      </c>
      <c r="J141" s="92">
        <v>9.1093927877966246E-2</v>
      </c>
      <c r="K141" s="91">
        <v>1.3626876701758892E-3</v>
      </c>
      <c r="L141" s="92">
        <v>2.9161330940971862E-2</v>
      </c>
    </row>
    <row r="142" spans="1:12">
      <c r="A142" s="52" t="s">
        <v>551</v>
      </c>
      <c r="B142" s="107">
        <v>758</v>
      </c>
      <c r="C142" s="42">
        <v>5.0524856651006589</v>
      </c>
      <c r="D142" s="43">
        <v>0.11703464992684753</v>
      </c>
      <c r="E142" s="108">
        <v>0.15281581867153465</v>
      </c>
      <c r="F142" s="89">
        <v>2.6195840423278268E-2</v>
      </c>
      <c r="G142" s="108">
        <v>0.17813874916890637</v>
      </c>
      <c r="H142" s="89">
        <v>2.7824920251924876E-2</v>
      </c>
      <c r="I142" s="108">
        <v>0.6384942598426212</v>
      </c>
      <c r="J142" s="89">
        <v>3.482390520647069E-2</v>
      </c>
      <c r="K142" s="88">
        <v>3.0551172316937603E-2</v>
      </c>
      <c r="L142" s="89">
        <v>1.2945565282965308E-2</v>
      </c>
    </row>
    <row r="143" spans="1:12">
      <c r="A143" s="44" t="s">
        <v>552</v>
      </c>
      <c r="B143" s="109">
        <v>210</v>
      </c>
      <c r="C143" s="46">
        <v>5.2528419864174625</v>
      </c>
      <c r="D143" s="47">
        <v>0.20875691147270528</v>
      </c>
      <c r="E143" s="110">
        <v>0.12563641014970503</v>
      </c>
      <c r="F143" s="92">
        <v>4.637154289614398E-2</v>
      </c>
      <c r="G143" s="110">
        <v>0.16557193633861092</v>
      </c>
      <c r="H143" s="92">
        <v>5.1573341214137085E-2</v>
      </c>
      <c r="I143" s="110">
        <v>0.68189073485475238</v>
      </c>
      <c r="J143" s="92">
        <v>6.3854536171659079E-2</v>
      </c>
      <c r="K143" s="91">
        <v>2.6900918656931273E-2</v>
      </c>
      <c r="L143" s="92">
        <v>2.5381672066860029E-2</v>
      </c>
    </row>
    <row r="144" spans="1:12">
      <c r="A144" s="52" t="s">
        <v>553</v>
      </c>
      <c r="B144" s="107">
        <v>271</v>
      </c>
      <c r="C144" s="42">
        <v>4.9113210673592347</v>
      </c>
      <c r="D144" s="43">
        <v>0.19596496573206371</v>
      </c>
      <c r="E144" s="108">
        <v>0.17780737809003461</v>
      </c>
      <c r="F144" s="89">
        <v>4.6583621509686979E-2</v>
      </c>
      <c r="G144" s="108">
        <v>0.18304084719280728</v>
      </c>
      <c r="H144" s="89">
        <v>4.708803414714928E-2</v>
      </c>
      <c r="I144" s="108">
        <v>0.6065579418948388</v>
      </c>
      <c r="J144" s="89">
        <v>5.8957404434667245E-2</v>
      </c>
      <c r="K144" s="88">
        <v>3.2593832822320021E-2</v>
      </c>
      <c r="L144" s="89">
        <v>2.3460822723731768E-2</v>
      </c>
    </row>
    <row r="145" spans="1:12">
      <c r="A145" s="44" t="s">
        <v>554</v>
      </c>
      <c r="B145" s="109">
        <v>240</v>
      </c>
      <c r="C145" s="46">
        <v>5.0271658024127666</v>
      </c>
      <c r="D145" s="47">
        <v>0.22232890301201361</v>
      </c>
      <c r="E145" s="110">
        <v>0.15656255130519209</v>
      </c>
      <c r="F145" s="92">
        <v>4.7197910850100604E-2</v>
      </c>
      <c r="G145" s="110">
        <v>0.181020517139452</v>
      </c>
      <c r="H145" s="92">
        <v>4.9845785513494126E-2</v>
      </c>
      <c r="I145" s="110">
        <v>0.63037198172030595</v>
      </c>
      <c r="J145" s="92">
        <v>6.1877172417920574E-2</v>
      </c>
      <c r="K145" s="91">
        <v>3.2044949835050338E-2</v>
      </c>
      <c r="L145" s="92">
        <v>2.5004575355544064E-2</v>
      </c>
    </row>
  </sheetData>
  <mergeCells count="23">
    <mergeCell ref="A121:L121"/>
    <mergeCell ref="A119:L119"/>
    <mergeCell ref="A120:L120"/>
    <mergeCell ref="AT34:BD34"/>
    <mergeCell ref="X92:AH92"/>
    <mergeCell ref="A62:AS62"/>
    <mergeCell ref="B92:L92"/>
    <mergeCell ref="AI34:AS34"/>
    <mergeCell ref="M92:W92"/>
    <mergeCell ref="B63:L63"/>
    <mergeCell ref="M63:W63"/>
    <mergeCell ref="X63:AH63"/>
    <mergeCell ref="AI63:AS63"/>
    <mergeCell ref="A91:AH91"/>
    <mergeCell ref="A90:AH90"/>
    <mergeCell ref="A3:D3"/>
    <mergeCell ref="A4:D4"/>
    <mergeCell ref="A5:D5"/>
    <mergeCell ref="M34:W34"/>
    <mergeCell ref="X34:AH34"/>
    <mergeCell ref="B34:L34"/>
    <mergeCell ref="A33:BD33"/>
    <mergeCell ref="A32:BD32"/>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S147"/>
  <sheetViews>
    <sheetView zoomScaleNormal="100" zoomScalePageLayoutView="75" workbookViewId="0"/>
  </sheetViews>
  <sheetFormatPr defaultColWidth="22.85546875" defaultRowHeight="15"/>
  <cols>
    <col min="1" max="1" width="41.42578125" customWidth="1"/>
    <col min="9" max="9" width="25.5703125" customWidth="1"/>
    <col min="10" max="10" width="26.7109375" customWidth="1"/>
  </cols>
  <sheetData>
    <row r="1" spans="1:6" ht="31.5">
      <c r="A1" s="30" t="s">
        <v>41</v>
      </c>
    </row>
    <row r="3" spans="1:6" ht="18.75">
      <c r="A3" s="344" t="s">
        <v>1</v>
      </c>
      <c r="B3" s="344"/>
      <c r="C3" s="344"/>
      <c r="D3" s="344"/>
    </row>
    <row r="4" spans="1:6" ht="201" customHeight="1">
      <c r="A4" s="380" t="s">
        <v>588</v>
      </c>
      <c r="B4" s="380"/>
      <c r="C4" s="380"/>
      <c r="D4" s="380"/>
      <c r="F4" s="226"/>
    </row>
    <row r="5" spans="1:6" ht="34.5" customHeight="1">
      <c r="A5" s="356" t="s">
        <v>105</v>
      </c>
      <c r="B5" s="357"/>
      <c r="C5" s="357"/>
      <c r="D5" s="357"/>
    </row>
    <row r="6" spans="1:6" ht="43.5" customHeight="1">
      <c r="A6" s="32" t="s">
        <v>71</v>
      </c>
      <c r="B6" s="33" t="s">
        <v>72</v>
      </c>
      <c r="C6" s="34" t="s">
        <v>592</v>
      </c>
      <c r="D6" s="35" t="s">
        <v>73</v>
      </c>
    </row>
    <row r="7" spans="1:6" ht="56.25" customHeight="1">
      <c r="A7" s="36"/>
      <c r="B7" s="37" t="s">
        <v>74</v>
      </c>
      <c r="C7" s="38" t="s">
        <v>106</v>
      </c>
      <c r="D7" s="39" t="s">
        <v>76</v>
      </c>
    </row>
    <row r="8" spans="1:6">
      <c r="A8" s="40" t="s">
        <v>350</v>
      </c>
      <c r="B8" s="78">
        <v>13277</v>
      </c>
      <c r="C8" s="79">
        <v>3.677282666426394</v>
      </c>
      <c r="D8" s="80">
        <v>2.0993451205933784E-2</v>
      </c>
    </row>
    <row r="9" spans="1:6">
      <c r="A9" s="44" t="s">
        <v>351</v>
      </c>
      <c r="B9" s="114">
        <v>9829</v>
      </c>
      <c r="C9" s="115">
        <v>3.6556820477485221</v>
      </c>
      <c r="D9" s="116">
        <v>2.4262117158797572E-2</v>
      </c>
    </row>
    <row r="10" spans="1:6">
      <c r="A10" s="40" t="s">
        <v>352</v>
      </c>
      <c r="B10" s="78">
        <v>3448</v>
      </c>
      <c r="C10" s="79">
        <v>3.6954697037798288</v>
      </c>
      <c r="D10" s="80">
        <v>4.1708570481464757E-2</v>
      </c>
    </row>
    <row r="11" spans="1:6">
      <c r="A11" s="44" t="s">
        <v>534</v>
      </c>
      <c r="B11" s="114">
        <v>3071</v>
      </c>
      <c r="C11" s="115">
        <v>3.6886011770486653</v>
      </c>
      <c r="D11" s="116">
        <v>4.2721210722602612E-2</v>
      </c>
    </row>
    <row r="12" spans="1:6">
      <c r="A12" s="40" t="s">
        <v>535</v>
      </c>
      <c r="B12" s="78">
        <v>2440</v>
      </c>
      <c r="C12" s="79">
        <v>3.7334229685476612</v>
      </c>
      <c r="D12" s="80">
        <v>4.7585261247731776E-2</v>
      </c>
    </row>
    <row r="13" spans="1:6">
      <c r="A13" s="44" t="s">
        <v>536</v>
      </c>
      <c r="B13" s="114">
        <v>356</v>
      </c>
      <c r="C13" s="115">
        <v>3.6648953431014721</v>
      </c>
      <c r="D13" s="116">
        <v>0.12701136276895889</v>
      </c>
    </row>
    <row r="14" spans="1:6">
      <c r="A14" s="40" t="s">
        <v>537</v>
      </c>
      <c r="B14" s="78">
        <v>81</v>
      </c>
      <c r="C14" s="79">
        <v>3.9685077108677294</v>
      </c>
      <c r="D14" s="80">
        <v>0.22012697116918425</v>
      </c>
    </row>
    <row r="15" spans="1:6">
      <c r="A15" s="44" t="s">
        <v>538</v>
      </c>
      <c r="B15" s="114">
        <v>62</v>
      </c>
      <c r="C15" s="115">
        <v>3.2011602026314034</v>
      </c>
      <c r="D15" s="116">
        <v>0.29115743857168253</v>
      </c>
    </row>
    <row r="16" spans="1:6">
      <c r="A16" s="40" t="s">
        <v>539</v>
      </c>
      <c r="B16" s="78">
        <v>64</v>
      </c>
      <c r="C16" s="79">
        <v>3.8887159214245184</v>
      </c>
      <c r="D16" s="80">
        <v>0.3377488144850978</v>
      </c>
    </row>
    <row r="17" spans="1:17">
      <c r="A17" s="44" t="s">
        <v>540</v>
      </c>
      <c r="B17" s="114">
        <v>74</v>
      </c>
      <c r="C17" s="115">
        <v>3.9436197850520571</v>
      </c>
      <c r="D17" s="116">
        <v>0.25155878905629786</v>
      </c>
    </row>
    <row r="18" spans="1:17">
      <c r="A18" s="40" t="s">
        <v>541</v>
      </c>
      <c r="B18" s="111">
        <v>75</v>
      </c>
      <c r="C18" s="112">
        <v>3.2818380313379514</v>
      </c>
      <c r="D18" s="113">
        <v>0.30016705942876759</v>
      </c>
    </row>
    <row r="19" spans="1:17">
      <c r="A19" s="44" t="s">
        <v>542</v>
      </c>
      <c r="B19" s="114">
        <v>591</v>
      </c>
      <c r="C19" s="115">
        <v>3.8374915196969601</v>
      </c>
      <c r="D19" s="116">
        <v>9.9076572807103122E-2</v>
      </c>
    </row>
    <row r="20" spans="1:17">
      <c r="A20" s="40" t="s">
        <v>543</v>
      </c>
      <c r="B20" s="78">
        <v>57</v>
      </c>
      <c r="C20" s="79">
        <v>3.8994385967094227</v>
      </c>
      <c r="D20" s="80">
        <v>0.34648476695534658</v>
      </c>
    </row>
    <row r="21" spans="1:17">
      <c r="A21" s="44" t="s">
        <v>550</v>
      </c>
      <c r="B21" s="114">
        <v>103</v>
      </c>
      <c r="C21" s="115">
        <v>3.6045808476537524</v>
      </c>
      <c r="D21" s="116">
        <v>0.26369863329731669</v>
      </c>
    </row>
    <row r="22" spans="1:17">
      <c r="A22" s="52" t="s">
        <v>544</v>
      </c>
      <c r="B22" s="111">
        <v>118</v>
      </c>
      <c r="C22" s="112">
        <v>4.0591660950460646</v>
      </c>
      <c r="D22" s="113">
        <v>0.21428396633926469</v>
      </c>
    </row>
    <row r="23" spans="1:17">
      <c r="A23" s="44" t="s">
        <v>545</v>
      </c>
      <c r="B23" s="114">
        <v>150</v>
      </c>
      <c r="C23" s="115">
        <v>3.8476467665391989</v>
      </c>
      <c r="D23" s="116">
        <v>0.19296900939364783</v>
      </c>
    </row>
    <row r="24" spans="1:17">
      <c r="A24" s="52" t="s">
        <v>546</v>
      </c>
      <c r="B24" s="111">
        <v>70</v>
      </c>
      <c r="C24" s="112">
        <v>3.7292441250371304</v>
      </c>
      <c r="D24" s="113">
        <v>0.27019201625552919</v>
      </c>
    </row>
    <row r="25" spans="1:17">
      <c r="A25" s="44" t="s">
        <v>547</v>
      </c>
      <c r="B25" s="114">
        <v>93</v>
      </c>
      <c r="C25" s="115">
        <v>3.8695013993102654</v>
      </c>
      <c r="D25" s="116">
        <v>0.23650062238295738</v>
      </c>
    </row>
    <row r="26" spans="1:17">
      <c r="A26" s="52" t="s">
        <v>551</v>
      </c>
      <c r="B26" s="111">
        <v>699</v>
      </c>
      <c r="C26" s="112">
        <v>3.6690955170871722</v>
      </c>
      <c r="D26" s="113">
        <v>9.1995033182341771E-2</v>
      </c>
    </row>
    <row r="27" spans="1:17">
      <c r="A27" s="44" t="s">
        <v>552</v>
      </c>
      <c r="B27" s="114">
        <v>195</v>
      </c>
      <c r="C27" s="115">
        <v>3.7456130562994483</v>
      </c>
      <c r="D27" s="116">
        <v>0.16405242269170825</v>
      </c>
    </row>
    <row r="28" spans="1:17">
      <c r="A28" s="52" t="s">
        <v>553</v>
      </c>
      <c r="B28" s="111">
        <v>254</v>
      </c>
      <c r="C28" s="112">
        <v>3.6294130546954269</v>
      </c>
      <c r="D28" s="113">
        <v>0.15871111887002845</v>
      </c>
    </row>
    <row r="29" spans="1:17">
      <c r="A29" s="44" t="s">
        <v>554</v>
      </c>
      <c r="B29" s="114">
        <v>223</v>
      </c>
      <c r="C29" s="115">
        <v>3.7017735303977273</v>
      </c>
      <c r="D29" s="116">
        <v>0.16151485251912073</v>
      </c>
    </row>
    <row r="32" spans="1:17" ht="18.75">
      <c r="A32" s="344" t="s">
        <v>34</v>
      </c>
      <c r="B32" s="344"/>
      <c r="C32" s="344"/>
      <c r="D32" s="344"/>
      <c r="E32" s="344"/>
      <c r="F32" s="344"/>
      <c r="G32" s="344"/>
      <c r="H32" s="344"/>
      <c r="I32" s="344"/>
      <c r="J32" s="344"/>
      <c r="K32" s="344"/>
      <c r="L32" s="344"/>
      <c r="M32" s="344"/>
      <c r="N32" s="344"/>
      <c r="O32" s="344"/>
      <c r="P32" s="344"/>
      <c r="Q32" s="344"/>
    </row>
    <row r="33" spans="1:45" ht="58.5" customHeight="1">
      <c r="A33" s="381" t="s">
        <v>589</v>
      </c>
      <c r="B33" s="381"/>
      <c r="C33" s="381"/>
      <c r="D33" s="381"/>
      <c r="E33" s="381"/>
      <c r="F33" s="381"/>
      <c r="G33" s="381"/>
      <c r="H33" s="381"/>
      <c r="I33" s="381"/>
      <c r="J33" s="381"/>
      <c r="K33" s="381"/>
      <c r="L33" s="381"/>
      <c r="M33" s="381"/>
      <c r="N33" s="381"/>
      <c r="O33" s="381"/>
      <c r="P33" s="381"/>
      <c r="Q33" s="381"/>
    </row>
    <row r="34" spans="1:45" ht="39" customHeight="1">
      <c r="A34" s="104"/>
      <c r="B34" s="389" t="s">
        <v>107</v>
      </c>
      <c r="C34" s="376"/>
      <c r="D34" s="376"/>
      <c r="E34" s="376"/>
      <c r="F34" s="376"/>
      <c r="G34" s="376"/>
      <c r="H34" s="377"/>
      <c r="I34" s="372" t="s">
        <v>274</v>
      </c>
      <c r="J34" s="387"/>
      <c r="K34" s="387"/>
      <c r="L34" s="387"/>
      <c r="M34" s="387"/>
      <c r="N34" s="387"/>
      <c r="O34" s="387"/>
      <c r="P34" s="387"/>
      <c r="Q34" s="387"/>
      <c r="R34" s="289"/>
      <c r="S34" s="289"/>
      <c r="T34" s="289"/>
      <c r="U34" s="289"/>
      <c r="V34" s="289"/>
      <c r="W34" s="289"/>
      <c r="X34" s="289"/>
      <c r="Y34" s="289"/>
      <c r="Z34" s="289"/>
      <c r="AA34" s="289"/>
      <c r="AB34" s="289"/>
      <c r="AC34" s="289"/>
      <c r="AD34" s="289"/>
      <c r="AE34" s="289"/>
      <c r="AF34" s="289"/>
      <c r="AG34" s="289"/>
      <c r="AH34" s="289"/>
      <c r="AI34" s="289"/>
      <c r="AJ34" s="289"/>
      <c r="AK34" s="289"/>
      <c r="AL34" s="289"/>
      <c r="AM34" s="289"/>
      <c r="AN34" s="289"/>
      <c r="AO34" s="289"/>
      <c r="AP34" s="289"/>
      <c r="AQ34" s="289"/>
      <c r="AR34" s="289"/>
      <c r="AS34" s="289"/>
    </row>
    <row r="35" spans="1:45" ht="39.75" customHeight="1">
      <c r="A35" s="32" t="s">
        <v>71</v>
      </c>
      <c r="B35" s="33" t="s">
        <v>72</v>
      </c>
      <c r="C35" s="33" t="s">
        <v>174</v>
      </c>
      <c r="D35" s="84" t="s">
        <v>108</v>
      </c>
      <c r="E35" s="33" t="s">
        <v>187</v>
      </c>
      <c r="F35" s="84" t="s">
        <v>530</v>
      </c>
      <c r="G35" s="33" t="s">
        <v>189</v>
      </c>
      <c r="H35" s="84" t="s">
        <v>531</v>
      </c>
      <c r="I35" s="60" t="s">
        <v>72</v>
      </c>
      <c r="J35" s="60" t="s">
        <v>175</v>
      </c>
      <c r="K35" s="83" t="s">
        <v>109</v>
      </c>
      <c r="L35" s="60" t="s">
        <v>176</v>
      </c>
      <c r="M35" s="83" t="s">
        <v>110</v>
      </c>
      <c r="N35" s="60" t="s">
        <v>177</v>
      </c>
      <c r="O35" s="83" t="s">
        <v>111</v>
      </c>
      <c r="P35" s="60" t="s">
        <v>453</v>
      </c>
      <c r="Q35" s="83" t="s">
        <v>112</v>
      </c>
    </row>
    <row r="36" spans="1:45" ht="63" customHeight="1">
      <c r="A36" s="36"/>
      <c r="B36" s="37" t="s">
        <v>74</v>
      </c>
      <c r="C36" s="37" t="s">
        <v>186</v>
      </c>
      <c r="D36" s="86" t="s">
        <v>88</v>
      </c>
      <c r="E36" s="37" t="s">
        <v>188</v>
      </c>
      <c r="F36" s="86" t="s">
        <v>88</v>
      </c>
      <c r="G36" s="37" t="s">
        <v>190</v>
      </c>
      <c r="H36" s="86" t="s">
        <v>88</v>
      </c>
      <c r="I36" s="63" t="s">
        <v>74</v>
      </c>
      <c r="J36" s="63" t="s">
        <v>275</v>
      </c>
      <c r="K36" s="85" t="s">
        <v>88</v>
      </c>
      <c r="L36" s="63" t="s">
        <v>276</v>
      </c>
      <c r="M36" s="85" t="s">
        <v>88</v>
      </c>
      <c r="N36" s="63" t="s">
        <v>277</v>
      </c>
      <c r="O36" s="85" t="s">
        <v>88</v>
      </c>
      <c r="P36" s="63" t="s">
        <v>454</v>
      </c>
      <c r="Q36" s="85" t="s">
        <v>88</v>
      </c>
    </row>
    <row r="37" spans="1:45">
      <c r="A37" s="40" t="s">
        <v>350</v>
      </c>
      <c r="B37" s="117">
        <v>12826</v>
      </c>
      <c r="C37" s="118">
        <v>0.39013594225533765</v>
      </c>
      <c r="D37" s="89">
        <v>8.6128728508205275E-3</v>
      </c>
      <c r="E37" s="118">
        <v>0.39765529260872923</v>
      </c>
      <c r="F37" s="89">
        <v>8.6416867646339837E-3</v>
      </c>
      <c r="G37" s="118">
        <v>0.21220876513595732</v>
      </c>
      <c r="H37" s="89">
        <v>7.2205612906470363E-3</v>
      </c>
      <c r="I37" s="119">
        <v>13248</v>
      </c>
      <c r="J37" s="118">
        <v>8.6136148489609266E-2</v>
      </c>
      <c r="K37" s="89">
        <v>4.8776177899403084E-3</v>
      </c>
      <c r="L37" s="118">
        <v>0.36389344524439077</v>
      </c>
      <c r="M37" s="89">
        <v>8.358951838977384E-3</v>
      </c>
      <c r="N37" s="118">
        <v>0.41575309974401586</v>
      </c>
      <c r="O37" s="89">
        <v>8.5626672652034455E-3</v>
      </c>
      <c r="P37" s="118">
        <v>0.13421730652200231</v>
      </c>
      <c r="Q37" s="89">
        <v>5.9244610991499537E-3</v>
      </c>
    </row>
    <row r="38" spans="1:45">
      <c r="A38" s="44" t="s">
        <v>351</v>
      </c>
      <c r="B38" s="44">
        <v>9430</v>
      </c>
      <c r="C38" s="121">
        <v>0.4043696540164739</v>
      </c>
      <c r="D38" s="92">
        <v>1.0105707783584226E-2</v>
      </c>
      <c r="E38" s="121">
        <v>0.40056797631620755</v>
      </c>
      <c r="F38" s="92">
        <v>1.0090152347239631E-2</v>
      </c>
      <c r="G38" s="121">
        <v>0.19506236966732188</v>
      </c>
      <c r="H38" s="92">
        <v>8.161292155039029E-3</v>
      </c>
      <c r="I38" s="44">
        <v>9814</v>
      </c>
      <c r="J38" s="121">
        <v>9.1078975540440338E-2</v>
      </c>
      <c r="K38" s="92">
        <v>5.8122951467587669E-3</v>
      </c>
      <c r="L38" s="121">
        <v>0.35863998213530723</v>
      </c>
      <c r="M38" s="92">
        <v>9.6808645333178039E-3</v>
      </c>
      <c r="N38" s="121">
        <v>0.41783543704047538</v>
      </c>
      <c r="O38" s="92">
        <v>9.9551752429515861E-3</v>
      </c>
      <c r="P38" s="121">
        <v>0.13244560528377944</v>
      </c>
      <c r="Q38" s="92">
        <v>6.8453160618524248E-3</v>
      </c>
    </row>
    <row r="39" spans="1:45">
      <c r="A39" s="40" t="s">
        <v>352</v>
      </c>
      <c r="B39" s="48">
        <v>3396</v>
      </c>
      <c r="C39" s="118">
        <v>0.37826662069572459</v>
      </c>
      <c r="D39" s="89">
        <v>1.6635038574700226E-2</v>
      </c>
      <c r="E39" s="118">
        <v>0.39522644059136169</v>
      </c>
      <c r="F39" s="89">
        <v>1.6770012293092443E-2</v>
      </c>
      <c r="G39" s="118">
        <v>0.226506938712913</v>
      </c>
      <c r="H39" s="89">
        <v>1.4364066205567778E-2</v>
      </c>
      <c r="I39" s="48">
        <v>3434</v>
      </c>
      <c r="J39" s="118">
        <v>8.1964834065367226E-2</v>
      </c>
      <c r="K39" s="89">
        <v>9.3818858774779128E-3</v>
      </c>
      <c r="L39" s="118">
        <v>0.36832690937710238</v>
      </c>
      <c r="M39" s="89">
        <v>1.6454231396449841E-2</v>
      </c>
      <c r="N39" s="118">
        <v>0.41399578889506777</v>
      </c>
      <c r="O39" s="89">
        <v>1.6801218734391991E-2</v>
      </c>
      <c r="P39" s="118">
        <v>0.13571246766246228</v>
      </c>
      <c r="Q39" s="89">
        <v>1.1697327494316968E-2</v>
      </c>
    </row>
    <row r="40" spans="1:45">
      <c r="A40" s="44" t="s">
        <v>534</v>
      </c>
      <c r="B40" s="44">
        <v>2928</v>
      </c>
      <c r="C40" s="121">
        <v>0.404358104728328</v>
      </c>
      <c r="D40" s="92">
        <v>1.8127845575834182E-2</v>
      </c>
      <c r="E40" s="121">
        <v>0.40112172592968132</v>
      </c>
      <c r="F40" s="92">
        <v>1.8104205911814778E-2</v>
      </c>
      <c r="G40" s="121">
        <v>0.19452016934198771</v>
      </c>
      <c r="H40" s="92">
        <v>1.4632213175611242E-2</v>
      </c>
      <c r="I40" s="44">
        <v>3063</v>
      </c>
      <c r="J40" s="121">
        <v>6.9968660566969612E-2</v>
      </c>
      <c r="K40" s="92">
        <v>9.2464780707950268E-3</v>
      </c>
      <c r="L40" s="121">
        <v>0.34825717986743127</v>
      </c>
      <c r="M40" s="92">
        <v>1.7207536143173895E-2</v>
      </c>
      <c r="N40" s="121">
        <v>0.43234772380586134</v>
      </c>
      <c r="O40" s="92">
        <v>1.7891281281021208E-2</v>
      </c>
      <c r="P40" s="121">
        <v>0.14942643575973416</v>
      </c>
      <c r="Q40" s="92">
        <v>1.2891083737482352E-2</v>
      </c>
    </row>
    <row r="41" spans="1:45">
      <c r="A41" s="40" t="s">
        <v>535</v>
      </c>
      <c r="B41" s="48">
        <v>2309</v>
      </c>
      <c r="C41" s="118">
        <v>0.4222312509596059</v>
      </c>
      <c r="D41" s="89">
        <v>2.0540593735434157E-2</v>
      </c>
      <c r="E41" s="118">
        <v>0.40099228913034046</v>
      </c>
      <c r="F41" s="89">
        <v>2.0382479696408103E-2</v>
      </c>
      <c r="G41" s="118">
        <v>0.17677645991005339</v>
      </c>
      <c r="H41" s="89">
        <v>1.588368738212094E-2</v>
      </c>
      <c r="I41" s="48">
        <v>2434</v>
      </c>
      <c r="J41" s="118">
        <v>6.3073840266676728E-2</v>
      </c>
      <c r="K41" s="89">
        <v>9.8987032578922666E-3</v>
      </c>
      <c r="L41" s="118">
        <v>0.3107956424617998</v>
      </c>
      <c r="M41" s="89">
        <v>1.8751826050479425E-2</v>
      </c>
      <c r="N41" s="118">
        <v>0.46350206463338212</v>
      </c>
      <c r="O41" s="89">
        <v>2.0198858318181297E-2</v>
      </c>
      <c r="P41" s="118">
        <v>0.16262845263814207</v>
      </c>
      <c r="Q41" s="89">
        <v>1.4968033625974632E-2</v>
      </c>
    </row>
    <row r="42" spans="1:45">
      <c r="A42" s="44" t="s">
        <v>536</v>
      </c>
      <c r="B42" s="44">
        <v>333</v>
      </c>
      <c r="C42" s="121">
        <v>0.40937327758657444</v>
      </c>
      <c r="D42" s="92">
        <v>5.3592662176917022E-2</v>
      </c>
      <c r="E42" s="121">
        <v>0.42523565165722566</v>
      </c>
      <c r="F42" s="92">
        <v>5.3875579057140771E-2</v>
      </c>
      <c r="G42" s="121">
        <v>0.16539107075619941</v>
      </c>
      <c r="H42" s="92">
        <v>4.0862942270711272E-2</v>
      </c>
      <c r="I42" s="44">
        <v>354</v>
      </c>
      <c r="J42" s="121">
        <v>7.0326808194452251E-2</v>
      </c>
      <c r="K42" s="92">
        <v>2.7863086209607542E-2</v>
      </c>
      <c r="L42" s="121">
        <v>0.34420424379827652</v>
      </c>
      <c r="M42" s="92">
        <v>5.0280448164471879E-2</v>
      </c>
      <c r="N42" s="121">
        <v>0.48013056725544861</v>
      </c>
      <c r="O42" s="92">
        <v>5.2810822762528922E-2</v>
      </c>
      <c r="P42" s="121">
        <v>0.10533838075182198</v>
      </c>
      <c r="Q42" s="92">
        <v>3.3040246757755028E-2</v>
      </c>
    </row>
    <row r="43" spans="1:45">
      <c r="A43" s="40" t="s">
        <v>537</v>
      </c>
      <c r="B43" s="48">
        <v>79</v>
      </c>
      <c r="C43" s="118">
        <v>0.20971421583761299</v>
      </c>
      <c r="D43" s="89">
        <v>9.1483216132680761E-2</v>
      </c>
      <c r="E43" s="118">
        <v>0.61867544653143536</v>
      </c>
      <c r="F43" s="89">
        <v>0.10692659539351868</v>
      </c>
      <c r="G43" s="118">
        <v>0.17161033763095229</v>
      </c>
      <c r="H43" s="89">
        <v>8.5673507976877006E-2</v>
      </c>
      <c r="I43" s="48">
        <v>80</v>
      </c>
      <c r="J43" s="118">
        <v>3.4663657138015246E-2</v>
      </c>
      <c r="K43" s="89">
        <v>5.0518139421578123E-2</v>
      </c>
      <c r="L43" s="118">
        <v>0.33315313134295793</v>
      </c>
      <c r="M43" s="89">
        <v>0.10345236410487373</v>
      </c>
      <c r="N43" s="118">
        <v>0.54167504874268557</v>
      </c>
      <c r="O43" s="89">
        <v>0.10876463501191566</v>
      </c>
      <c r="P43" s="118">
        <v>9.0508162776341911E-2</v>
      </c>
      <c r="Q43" s="89">
        <v>6.8280257104808895E-2</v>
      </c>
    </row>
    <row r="44" spans="1:45">
      <c r="A44" s="44" t="s">
        <v>538</v>
      </c>
      <c r="B44" s="44">
        <v>54</v>
      </c>
      <c r="C44" s="121">
        <v>0.61244474296472351</v>
      </c>
      <c r="D44" s="92">
        <v>0.12839594415832245</v>
      </c>
      <c r="E44" s="121">
        <v>0.32490950526135259</v>
      </c>
      <c r="F44" s="92">
        <v>0.12413174753308594</v>
      </c>
      <c r="G44" s="121">
        <v>6.2645751773923605E-2</v>
      </c>
      <c r="H44" s="92">
        <v>7.6200627994598896E-2</v>
      </c>
      <c r="I44" s="44">
        <v>62</v>
      </c>
      <c r="J44" s="121">
        <v>0.14380617431208695</v>
      </c>
      <c r="K44" s="92">
        <v>9.1465711369495786E-2</v>
      </c>
      <c r="L44" s="121">
        <v>0.34676913959782035</v>
      </c>
      <c r="M44" s="92">
        <v>0.11788028958585402</v>
      </c>
      <c r="N44" s="121">
        <v>0.44645884374132294</v>
      </c>
      <c r="O44" s="92">
        <v>0.12246713559736158</v>
      </c>
      <c r="P44" s="121">
        <v>6.2965842348769605E-2</v>
      </c>
      <c r="Q44" s="92">
        <v>7.0259676156554943E-2</v>
      </c>
    </row>
    <row r="45" spans="1:45">
      <c r="A45" s="40" t="s">
        <v>539</v>
      </c>
      <c r="B45" s="48">
        <v>61</v>
      </c>
      <c r="C45" s="118">
        <v>0.42924641975271061</v>
      </c>
      <c r="D45" s="89">
        <v>0.12293615718263294</v>
      </c>
      <c r="E45" s="118">
        <v>0.26933085803996609</v>
      </c>
      <c r="F45" s="89">
        <v>0.11180723970109559</v>
      </c>
      <c r="G45" s="118">
        <v>0.30142272220732313</v>
      </c>
      <c r="H45" s="89">
        <v>0.11509755521236351</v>
      </c>
      <c r="I45" s="48">
        <v>63</v>
      </c>
      <c r="J45" s="118">
        <v>2.0523777306270866E-2</v>
      </c>
      <c r="K45" s="89">
        <v>5.2821059387250138E-2</v>
      </c>
      <c r="L45" s="118">
        <v>0.30326204209077284</v>
      </c>
      <c r="M45" s="89">
        <v>0.11350003193228354</v>
      </c>
      <c r="N45" s="118">
        <v>0.5221687407111143</v>
      </c>
      <c r="O45" s="89">
        <v>0.12206322712667821</v>
      </c>
      <c r="P45" s="118">
        <v>0.15404543989184186</v>
      </c>
      <c r="Q45" s="89">
        <v>9.2777875620530206E-2</v>
      </c>
    </row>
    <row r="46" spans="1:45">
      <c r="A46" s="44" t="s">
        <v>540</v>
      </c>
      <c r="B46" s="44">
        <v>69</v>
      </c>
      <c r="C46" s="121">
        <v>0.35221837887284513</v>
      </c>
      <c r="D46" s="92">
        <v>0.11238104961107703</v>
      </c>
      <c r="E46" s="121">
        <v>0.46591468446533618</v>
      </c>
      <c r="F46" s="92">
        <v>0.11679792278827089</v>
      </c>
      <c r="G46" s="121">
        <v>0.18186693666181816</v>
      </c>
      <c r="H46" s="92">
        <v>9.3509603826151741E-2</v>
      </c>
      <c r="I46" s="44">
        <v>74</v>
      </c>
      <c r="J46" s="121">
        <v>4.169390906743755E-2</v>
      </c>
      <c r="K46" s="92">
        <v>5.5905673618161296E-2</v>
      </c>
      <c r="L46" s="121">
        <v>0.25779296360521081</v>
      </c>
      <c r="M46" s="92">
        <v>0.10056209190861219</v>
      </c>
      <c r="N46" s="121">
        <v>0.55500590999151189</v>
      </c>
      <c r="O46" s="92">
        <v>0.11260931235216762</v>
      </c>
      <c r="P46" s="121">
        <v>0.14550721733583916</v>
      </c>
      <c r="Q46" s="92">
        <v>8.3786394565231043E-2</v>
      </c>
    </row>
    <row r="47" spans="1:45">
      <c r="A47" s="40" t="s">
        <v>541</v>
      </c>
      <c r="B47" s="117">
        <v>70</v>
      </c>
      <c r="C47" s="118">
        <v>0.48735354182212637</v>
      </c>
      <c r="D47" s="89">
        <v>0.11621436154465779</v>
      </c>
      <c r="E47" s="118">
        <v>0.43977311245071243</v>
      </c>
      <c r="F47" s="89">
        <v>0.1154905546267475</v>
      </c>
      <c r="G47" s="118">
        <v>7.2873345727162142E-2</v>
      </c>
      <c r="H47" s="89">
        <v>6.8478723100079922E-2</v>
      </c>
      <c r="I47" s="119">
        <v>75</v>
      </c>
      <c r="J47" s="118">
        <v>0.12042376136995951</v>
      </c>
      <c r="K47" s="89">
        <v>7.7994708241102606E-2</v>
      </c>
      <c r="L47" s="118">
        <v>0.46716283116851509</v>
      </c>
      <c r="M47" s="89">
        <v>0.11228989355498582</v>
      </c>
      <c r="N47" s="118">
        <v>0.34188083076651771</v>
      </c>
      <c r="O47" s="89">
        <v>0.1073185360600484</v>
      </c>
      <c r="P47" s="118">
        <v>7.0532576695008731E-2</v>
      </c>
      <c r="Q47" s="89">
        <v>6.5124059680846613E-2</v>
      </c>
    </row>
    <row r="48" spans="1:45">
      <c r="A48" s="44" t="s">
        <v>542</v>
      </c>
      <c r="B48" s="120">
        <v>553</v>
      </c>
      <c r="C48" s="121">
        <v>0.36429174967970374</v>
      </c>
      <c r="D48" s="92">
        <v>4.0804022945903497E-2</v>
      </c>
      <c r="E48" s="121">
        <v>0.46706377488516793</v>
      </c>
      <c r="F48" s="92">
        <v>4.2280649887253545E-2</v>
      </c>
      <c r="G48" s="121">
        <v>0.16864447543512362</v>
      </c>
      <c r="H48" s="92">
        <v>3.1908174266910942E-2</v>
      </c>
      <c r="I48" s="122">
        <v>591</v>
      </c>
      <c r="J48" s="121">
        <v>5.8917565404350343E-2</v>
      </c>
      <c r="K48" s="92">
        <v>1.9755367976954305E-2</v>
      </c>
      <c r="L48" s="121">
        <v>0.26890876249336315</v>
      </c>
      <c r="M48" s="92">
        <v>3.642073950650241E-2</v>
      </c>
      <c r="N48" s="121">
        <v>0.5122508060583153</v>
      </c>
      <c r="O48" s="92">
        <v>4.0983860638193363E-2</v>
      </c>
      <c r="P48" s="121">
        <v>0.1599228660439663</v>
      </c>
      <c r="Q48" s="92">
        <v>3.0225739725844233E-2</v>
      </c>
    </row>
    <row r="49" spans="1:17">
      <c r="A49" s="40" t="s">
        <v>543</v>
      </c>
      <c r="B49" s="78">
        <v>54</v>
      </c>
      <c r="C49" s="93">
        <v>0.44696238174458303</v>
      </c>
      <c r="D49" s="89">
        <v>0.13066451653201189</v>
      </c>
      <c r="E49" s="93">
        <v>0.38388753476430687</v>
      </c>
      <c r="F49" s="89">
        <v>0.12820064335986656</v>
      </c>
      <c r="G49" s="93">
        <v>0.16915008349111063</v>
      </c>
      <c r="H49" s="89">
        <v>0.10342942538195697</v>
      </c>
      <c r="I49" s="78">
        <v>57</v>
      </c>
      <c r="J49" s="93">
        <v>3.69018588480957E-2</v>
      </c>
      <c r="K49" s="89">
        <v>6.4143199645942631E-2</v>
      </c>
      <c r="L49" s="93">
        <v>0.2766205284379481</v>
      </c>
      <c r="M49" s="89">
        <v>0.1163463184097689</v>
      </c>
      <c r="N49" s="93">
        <v>0.38766503985910866</v>
      </c>
      <c r="O49" s="89">
        <v>0.12518355442208531</v>
      </c>
      <c r="P49" s="93">
        <v>0.29881257285484802</v>
      </c>
      <c r="Q49" s="89">
        <v>0.11864202992849424</v>
      </c>
    </row>
    <row r="50" spans="1:17">
      <c r="A50" s="44" t="s">
        <v>550</v>
      </c>
      <c r="B50" s="120">
        <v>95</v>
      </c>
      <c r="C50" s="121">
        <v>0.43571541937198921</v>
      </c>
      <c r="D50" s="92">
        <v>9.9735951678386045E-2</v>
      </c>
      <c r="E50" s="121">
        <v>0.43448395155594322</v>
      </c>
      <c r="F50" s="92">
        <v>9.9706133255062376E-2</v>
      </c>
      <c r="G50" s="121">
        <v>0.12980062907206733</v>
      </c>
      <c r="H50" s="92">
        <v>7.0725889679374723E-2</v>
      </c>
      <c r="I50" s="122">
        <v>103</v>
      </c>
      <c r="J50" s="121">
        <v>0.10679160645292449</v>
      </c>
      <c r="K50" s="92">
        <v>6.316598104194171E-2</v>
      </c>
      <c r="L50" s="121">
        <v>0.30285616816026006</v>
      </c>
      <c r="M50" s="92">
        <v>8.9439760064886867E-2</v>
      </c>
      <c r="N50" s="121">
        <v>0.47689777055914839</v>
      </c>
      <c r="O50" s="92">
        <v>9.6577980676887151E-2</v>
      </c>
      <c r="P50" s="121">
        <v>0.11345445482766678</v>
      </c>
      <c r="Q50" s="92">
        <v>6.4574850890472185E-2</v>
      </c>
    </row>
    <row r="51" spans="1:17">
      <c r="A51" s="52" t="s">
        <v>544</v>
      </c>
      <c r="B51" s="117">
        <v>111</v>
      </c>
      <c r="C51" s="118">
        <v>0.2550169526407241</v>
      </c>
      <c r="D51" s="89">
        <v>8.2163309456269665E-2</v>
      </c>
      <c r="E51" s="118">
        <v>0.48949234919113976</v>
      </c>
      <c r="F51" s="89">
        <v>9.3231294697865827E-2</v>
      </c>
      <c r="G51" s="118">
        <v>0.25549069816813635</v>
      </c>
      <c r="H51" s="89">
        <v>8.2209026141404407E-2</v>
      </c>
      <c r="I51" s="119">
        <v>118</v>
      </c>
      <c r="J51" s="118">
        <v>5.5975549617467098E-2</v>
      </c>
      <c r="K51" s="89">
        <v>4.636233685110977E-2</v>
      </c>
      <c r="L51" s="118">
        <v>0.27751225687519443</v>
      </c>
      <c r="M51" s="89">
        <v>8.1721627778628916E-2</v>
      </c>
      <c r="N51" s="118">
        <v>0.46422976525250376</v>
      </c>
      <c r="O51" s="89">
        <v>9.0318746512593542E-2</v>
      </c>
      <c r="P51" s="118">
        <v>0.20228242825483489</v>
      </c>
      <c r="Q51" s="89">
        <v>7.4013987672297041E-2</v>
      </c>
    </row>
    <row r="52" spans="1:17">
      <c r="A52" s="44" t="s">
        <v>545</v>
      </c>
      <c r="B52" s="120">
        <v>147</v>
      </c>
      <c r="C52" s="121">
        <v>0.3280961616265865</v>
      </c>
      <c r="D52" s="92">
        <v>7.668529408813779E-2</v>
      </c>
      <c r="E52" s="121">
        <v>0.51936529053578795</v>
      </c>
      <c r="F52" s="92">
        <v>8.1320979703503049E-2</v>
      </c>
      <c r="G52" s="121">
        <v>0.15253854783762577</v>
      </c>
      <c r="H52" s="92">
        <v>5.9929778636247065E-2</v>
      </c>
      <c r="I52" s="122">
        <v>150</v>
      </c>
      <c r="J52" s="121">
        <v>7.7709966754465787E-2</v>
      </c>
      <c r="K52" s="92">
        <v>4.5815739301789074E-2</v>
      </c>
      <c r="L52" s="121">
        <v>0.25340081029778277</v>
      </c>
      <c r="M52" s="92">
        <v>7.0675191684253291E-2</v>
      </c>
      <c r="N52" s="121">
        <v>0.5228029164740251</v>
      </c>
      <c r="O52" s="92">
        <v>8.0502752680996714E-2</v>
      </c>
      <c r="P52" s="121">
        <v>0.14608630647372667</v>
      </c>
      <c r="Q52" s="92">
        <v>5.836903254995799E-2</v>
      </c>
    </row>
    <row r="53" spans="1:17">
      <c r="A53" s="52" t="s">
        <v>546</v>
      </c>
      <c r="B53" s="117">
        <v>66</v>
      </c>
      <c r="C53" s="118">
        <v>0.47289789902915708</v>
      </c>
      <c r="D53" s="89">
        <v>0.11936666758081413</v>
      </c>
      <c r="E53" s="118">
        <v>0.4254438469338328</v>
      </c>
      <c r="F53" s="89">
        <v>0.11833572104018555</v>
      </c>
      <c r="G53" s="118">
        <v>0.10165825403700954</v>
      </c>
      <c r="H53" s="89">
        <v>7.8899626644740997E-2</v>
      </c>
      <c r="I53" s="119">
        <v>70</v>
      </c>
      <c r="J53" s="118">
        <v>1.4483962531979779E-2</v>
      </c>
      <c r="K53" s="89">
        <v>4.5954911370232311E-2</v>
      </c>
      <c r="L53" s="118">
        <v>0.20326438689084703</v>
      </c>
      <c r="M53" s="89">
        <v>9.6200758456005592E-2</v>
      </c>
      <c r="N53" s="118">
        <v>0.63719374006471285</v>
      </c>
      <c r="O53" s="89">
        <v>0.11226361507190315</v>
      </c>
      <c r="P53" s="118">
        <v>0.14505791051245953</v>
      </c>
      <c r="Q53" s="89">
        <v>8.6138759182009958E-2</v>
      </c>
    </row>
    <row r="54" spans="1:17">
      <c r="A54" s="44" t="s">
        <v>547</v>
      </c>
      <c r="B54" s="120">
        <v>80</v>
      </c>
      <c r="C54" s="121">
        <v>0.35266557475201443</v>
      </c>
      <c r="D54" s="92">
        <v>0.10472429074012574</v>
      </c>
      <c r="E54" s="121">
        <v>0.46518737274996108</v>
      </c>
      <c r="F54" s="92">
        <v>0.10886880565221581</v>
      </c>
      <c r="G54" s="121">
        <v>0.18214705249802365</v>
      </c>
      <c r="H54" s="92">
        <v>8.6839304709489917E-2</v>
      </c>
      <c r="I54" s="122">
        <v>93</v>
      </c>
      <c r="J54" s="121">
        <v>3.6081411884903384E-3</v>
      </c>
      <c r="K54" s="92">
        <v>3.1128707128336951E-2</v>
      </c>
      <c r="L54" s="121">
        <v>0.29630736169497796</v>
      </c>
      <c r="M54" s="92">
        <v>9.3469365807227006E-2</v>
      </c>
      <c r="N54" s="121">
        <v>0.59902337479058421</v>
      </c>
      <c r="O54" s="92">
        <v>9.9687430765867405E-2</v>
      </c>
      <c r="P54" s="121">
        <v>0.10106112232594633</v>
      </c>
      <c r="Q54" s="92">
        <v>6.5394312483453843E-2</v>
      </c>
    </row>
    <row r="55" spans="1:17">
      <c r="A55" s="52" t="s">
        <v>551</v>
      </c>
      <c r="B55" s="117">
        <v>685</v>
      </c>
      <c r="C55" s="118">
        <v>0.40086764224566418</v>
      </c>
      <c r="D55" s="89">
        <v>3.7349527706747709E-2</v>
      </c>
      <c r="E55" s="118">
        <v>0.39734942891258412</v>
      </c>
      <c r="F55" s="89">
        <v>3.7294952880736622E-2</v>
      </c>
      <c r="G55" s="118">
        <v>0.20178292884175644</v>
      </c>
      <c r="H55" s="89">
        <v>3.0676569229793817E-2</v>
      </c>
      <c r="I55" s="119">
        <v>697</v>
      </c>
      <c r="J55" s="118">
        <v>7.1980910016032101E-2</v>
      </c>
      <c r="K55" s="89">
        <v>1.9825835828019021E-2</v>
      </c>
      <c r="L55" s="118">
        <v>0.36346333838330003</v>
      </c>
      <c r="M55" s="89">
        <v>3.6350636961343864E-2</v>
      </c>
      <c r="N55" s="118">
        <v>0.41655934722412064</v>
      </c>
      <c r="O55" s="89">
        <v>3.7245906582499169E-2</v>
      </c>
      <c r="P55" s="118">
        <v>0.14799640437655148</v>
      </c>
      <c r="Q55" s="89">
        <v>2.6973171945505928E-2</v>
      </c>
    </row>
    <row r="56" spans="1:17">
      <c r="A56" s="44" t="s">
        <v>552</v>
      </c>
      <c r="B56" s="120">
        <v>190</v>
      </c>
      <c r="C56" s="121">
        <v>0.35795515633729486</v>
      </c>
      <c r="D56" s="92">
        <v>6.896087568102198E-2</v>
      </c>
      <c r="E56" s="121">
        <v>0.43158607573203489</v>
      </c>
      <c r="F56" s="92">
        <v>7.1148248603968942E-2</v>
      </c>
      <c r="G56" s="121">
        <v>0.21045876793067111</v>
      </c>
      <c r="H56" s="92">
        <v>5.9132441299656516E-2</v>
      </c>
      <c r="I56" s="122">
        <v>195</v>
      </c>
      <c r="J56" s="121">
        <v>5.3574206364272882E-2</v>
      </c>
      <c r="K56" s="92">
        <v>3.4330755434304326E-2</v>
      </c>
      <c r="L56" s="121">
        <v>0.34817602452217478</v>
      </c>
      <c r="M56" s="92">
        <v>6.76774527918442E-2</v>
      </c>
      <c r="N56" s="121">
        <v>0.46300778648712737</v>
      </c>
      <c r="O56" s="92">
        <v>7.0701586097984909E-2</v>
      </c>
      <c r="P56" s="121">
        <v>0.1352419826264252</v>
      </c>
      <c r="Q56" s="92">
        <v>4.9570317150428589E-2</v>
      </c>
    </row>
    <row r="57" spans="1:17">
      <c r="A57" s="52" t="s">
        <v>553</v>
      </c>
      <c r="B57" s="117">
        <v>249</v>
      </c>
      <c r="C57" s="118">
        <v>0.42991314828846855</v>
      </c>
      <c r="D57" s="89">
        <v>6.2268312801380392E-2</v>
      </c>
      <c r="E57" s="118">
        <v>0.36783011989839742</v>
      </c>
      <c r="F57" s="89">
        <v>6.0704576115021884E-2</v>
      </c>
      <c r="G57" s="118">
        <v>0.20225673181313525</v>
      </c>
      <c r="H57" s="89">
        <v>5.0940557775946964E-2</v>
      </c>
      <c r="I57" s="119">
        <v>253</v>
      </c>
      <c r="J57" s="118">
        <v>7.5946102617723651E-2</v>
      </c>
      <c r="K57" s="89">
        <v>3.4332386317892663E-2</v>
      </c>
      <c r="L57" s="118">
        <v>0.35608811282465558</v>
      </c>
      <c r="M57" s="89">
        <v>5.9821919984284322E-2</v>
      </c>
      <c r="N57" s="118">
        <v>0.40995529066865793</v>
      </c>
      <c r="O57" s="89">
        <v>6.1390169791081362E-2</v>
      </c>
      <c r="P57" s="118">
        <v>0.15801049388896365</v>
      </c>
      <c r="Q57" s="89">
        <v>4.6118697284261399E-2</v>
      </c>
    </row>
    <row r="58" spans="1:17">
      <c r="A58" s="44" t="s">
        <v>554</v>
      </c>
      <c r="B58" s="120">
        <v>219</v>
      </c>
      <c r="C58" s="121">
        <v>0.38773174666605675</v>
      </c>
      <c r="D58" s="92">
        <v>6.53166074902361E-2</v>
      </c>
      <c r="E58" s="121">
        <v>0.40738834321723066</v>
      </c>
      <c r="F58" s="92">
        <v>6.5847767580837838E-2</v>
      </c>
      <c r="G58" s="121">
        <v>0.20487991011671325</v>
      </c>
      <c r="H58" s="92">
        <v>5.4567295090411277E-2</v>
      </c>
      <c r="I58" s="122">
        <v>222</v>
      </c>
      <c r="J58" s="121">
        <v>7.8385128851183483E-2</v>
      </c>
      <c r="K58" s="92">
        <v>3.7269070275188457E-2</v>
      </c>
      <c r="L58" s="121">
        <v>0.37178513251581791</v>
      </c>
      <c r="M58" s="92">
        <v>6.4374143030169959E-2</v>
      </c>
      <c r="N58" s="121">
        <v>0.39778108560524861</v>
      </c>
      <c r="O58" s="92">
        <v>6.5163903101243231E-2</v>
      </c>
      <c r="P58" s="121">
        <v>0.15204865302775081</v>
      </c>
      <c r="Q58" s="92">
        <v>4.8550239017011672E-2</v>
      </c>
    </row>
    <row r="61" spans="1:17" ht="18.75">
      <c r="A61" s="344" t="s">
        <v>35</v>
      </c>
      <c r="B61" s="344"/>
      <c r="C61" s="344"/>
      <c r="D61" s="344"/>
      <c r="E61" s="344"/>
      <c r="F61" s="344"/>
      <c r="G61" s="344"/>
      <c r="H61" s="344"/>
      <c r="I61" s="344"/>
      <c r="J61" s="344"/>
      <c r="K61" s="344"/>
      <c r="L61" s="344"/>
      <c r="M61" s="344"/>
      <c r="N61" s="344"/>
      <c r="O61" s="344"/>
      <c r="P61" s="344"/>
    </row>
    <row r="62" spans="1:17" ht="93" customHeight="1">
      <c r="A62" s="379" t="s">
        <v>590</v>
      </c>
      <c r="B62" s="379"/>
      <c r="C62" s="379"/>
      <c r="D62" s="379"/>
      <c r="E62" s="379"/>
      <c r="F62" s="379"/>
      <c r="G62" s="379"/>
      <c r="H62" s="379"/>
      <c r="I62" s="379"/>
      <c r="J62" s="379"/>
      <c r="K62" s="379"/>
      <c r="L62" s="379"/>
      <c r="M62" s="379"/>
      <c r="N62" s="379"/>
      <c r="O62" s="379"/>
      <c r="P62" s="379"/>
    </row>
    <row r="63" spans="1:17" ht="42" customHeight="1">
      <c r="A63" s="104"/>
      <c r="B63" s="390" t="s">
        <v>330</v>
      </c>
      <c r="C63" s="391"/>
      <c r="D63" s="391"/>
      <c r="E63" s="391"/>
      <c r="F63" s="391"/>
      <c r="G63" s="391"/>
      <c r="H63" s="391"/>
      <c r="I63" s="390" t="s">
        <v>479</v>
      </c>
      <c r="J63" s="391"/>
      <c r="K63" s="390" t="s">
        <v>483</v>
      </c>
      <c r="L63" s="391"/>
      <c r="M63" s="390" t="s">
        <v>484</v>
      </c>
      <c r="N63" s="391"/>
      <c r="O63" s="390" t="s">
        <v>485</v>
      </c>
      <c r="P63" s="391"/>
    </row>
    <row r="64" spans="1:17" ht="39" customHeight="1">
      <c r="A64" s="32" t="s">
        <v>71</v>
      </c>
      <c r="B64" s="33" t="s">
        <v>72</v>
      </c>
      <c r="C64" s="33" t="s">
        <v>194</v>
      </c>
      <c r="D64" s="84" t="s">
        <v>113</v>
      </c>
      <c r="E64" s="33" t="s">
        <v>195</v>
      </c>
      <c r="F64" s="84" t="s">
        <v>278</v>
      </c>
      <c r="G64" s="33" t="s">
        <v>196</v>
      </c>
      <c r="H64" s="84" t="s">
        <v>279</v>
      </c>
      <c r="I64" s="60" t="s">
        <v>480</v>
      </c>
      <c r="J64" s="83" t="s">
        <v>482</v>
      </c>
      <c r="K64" s="60" t="s">
        <v>486</v>
      </c>
      <c r="L64" s="83" t="s">
        <v>487</v>
      </c>
      <c r="M64" s="60" t="s">
        <v>488</v>
      </c>
      <c r="N64" s="83" t="s">
        <v>489</v>
      </c>
      <c r="O64" s="60" t="s">
        <v>490</v>
      </c>
      <c r="P64" s="83" t="s">
        <v>491</v>
      </c>
    </row>
    <row r="65" spans="1:16" ht="60">
      <c r="A65" s="36"/>
      <c r="B65" s="37" t="s">
        <v>74</v>
      </c>
      <c r="C65" s="123" t="s">
        <v>178</v>
      </c>
      <c r="D65" s="86" t="s">
        <v>88</v>
      </c>
      <c r="E65" s="37" t="s">
        <v>191</v>
      </c>
      <c r="F65" s="86" t="s">
        <v>88</v>
      </c>
      <c r="G65" s="37" t="s">
        <v>192</v>
      </c>
      <c r="H65" s="86" t="s">
        <v>88</v>
      </c>
      <c r="I65" s="254" t="s">
        <v>481</v>
      </c>
      <c r="J65" s="85" t="s">
        <v>88</v>
      </c>
      <c r="K65" s="254" t="s">
        <v>481</v>
      </c>
      <c r="L65" s="85" t="s">
        <v>88</v>
      </c>
      <c r="M65" s="254" t="s">
        <v>481</v>
      </c>
      <c r="N65" s="85" t="s">
        <v>88</v>
      </c>
      <c r="O65" s="254" t="s">
        <v>481</v>
      </c>
      <c r="P65" s="85" t="s">
        <v>88</v>
      </c>
    </row>
    <row r="66" spans="1:16">
      <c r="A66" s="40" t="s">
        <v>350</v>
      </c>
      <c r="B66" s="124">
        <v>13199</v>
      </c>
      <c r="C66" s="118">
        <v>0.55799105640207791</v>
      </c>
      <c r="D66" s="89">
        <v>8.6441963919450977E-3</v>
      </c>
      <c r="E66" s="118">
        <v>0.22309973786757872</v>
      </c>
      <c r="F66" s="89">
        <v>7.2474301034588561E-3</v>
      </c>
      <c r="G66" s="118">
        <v>0.21890920573036099</v>
      </c>
      <c r="H66" s="89">
        <v>7.1984209206485752E-3</v>
      </c>
      <c r="I66" s="118">
        <v>0.32120433631265499</v>
      </c>
      <c r="J66" s="89">
        <v>8.1278036075746619E-3</v>
      </c>
      <c r="K66" s="118">
        <v>0.21223748272553189</v>
      </c>
      <c r="L66" s="89">
        <v>7.1181564636737622E-3</v>
      </c>
      <c r="M66" s="118">
        <v>0.10145863403891138</v>
      </c>
      <c r="N66" s="89">
        <v>5.2581904512326106E-3</v>
      </c>
      <c r="O66" s="118">
        <v>0.16916473945225585</v>
      </c>
      <c r="P66" s="89">
        <v>6.5269230126620489E-3</v>
      </c>
    </row>
    <row r="67" spans="1:16">
      <c r="A67" s="44" t="s">
        <v>351</v>
      </c>
      <c r="B67" s="44">
        <v>9769</v>
      </c>
      <c r="C67" s="121">
        <v>0.54151838350650428</v>
      </c>
      <c r="D67" s="92">
        <v>1.0080564338579633E-2</v>
      </c>
      <c r="E67" s="121">
        <v>0.21875773141156241</v>
      </c>
      <c r="F67" s="92">
        <v>8.3651330531702914E-3</v>
      </c>
      <c r="G67" s="121">
        <v>0.23972388508193027</v>
      </c>
      <c r="H67" s="92">
        <v>8.6382032719531099E-3</v>
      </c>
      <c r="I67" s="121">
        <v>0.36438203000617198</v>
      </c>
      <c r="J67" s="92">
        <v>9.7365862976547066E-3</v>
      </c>
      <c r="K67" s="121">
        <v>0.22675958426593701</v>
      </c>
      <c r="L67" s="92">
        <v>8.4728946069798604E-3</v>
      </c>
      <c r="M67" s="121">
        <v>9.8407585542624215E-2</v>
      </c>
      <c r="N67" s="92">
        <v>6.0305685919661072E-3</v>
      </c>
      <c r="O67" s="121">
        <v>0.17180607948003523</v>
      </c>
      <c r="P67" s="92">
        <v>7.6337128090536496E-3</v>
      </c>
    </row>
    <row r="68" spans="1:16">
      <c r="A68" s="40" t="s">
        <v>352</v>
      </c>
      <c r="B68" s="48">
        <v>3430</v>
      </c>
      <c r="C68" s="118">
        <v>0.57186925443077541</v>
      </c>
      <c r="D68" s="89">
        <v>1.6887956384368057E-2</v>
      </c>
      <c r="E68" s="118">
        <v>0.22675787069279807</v>
      </c>
      <c r="F68" s="89">
        <v>1.4298285518350605E-2</v>
      </c>
      <c r="G68" s="118">
        <v>0.20137287487642549</v>
      </c>
      <c r="H68" s="89">
        <v>1.3695646425436804E-2</v>
      </c>
      <c r="I68" s="118">
        <v>0.28482720509049392</v>
      </c>
      <c r="J68" s="89">
        <v>1.5407811651176322E-2</v>
      </c>
      <c r="K68" s="118">
        <v>0.20000263764309573</v>
      </c>
      <c r="L68" s="89">
        <v>1.3660801632079013E-2</v>
      </c>
      <c r="M68" s="118">
        <v>0.10402913704683589</v>
      </c>
      <c r="N68" s="89">
        <v>1.0440062991898674E-2</v>
      </c>
      <c r="O68" s="118">
        <v>0.16693941511059252</v>
      </c>
      <c r="P68" s="89">
        <v>1.2739444441949587E-2</v>
      </c>
    </row>
    <row r="69" spans="1:16">
      <c r="A69" s="44" t="s">
        <v>534</v>
      </c>
      <c r="B69" s="44">
        <v>3051</v>
      </c>
      <c r="C69" s="121">
        <v>0.59512286042387341</v>
      </c>
      <c r="D69" s="92">
        <v>1.7762769150123901E-2</v>
      </c>
      <c r="E69" s="121">
        <v>0.20980448927405815</v>
      </c>
      <c r="F69" s="92">
        <v>1.4743056169629893E-2</v>
      </c>
      <c r="G69" s="121">
        <v>0.19507265030206436</v>
      </c>
      <c r="H69" s="92">
        <v>1.4349513087821402E-2</v>
      </c>
      <c r="I69" s="121">
        <v>0.28362387938124461</v>
      </c>
      <c r="J69" s="92">
        <v>1.6315381720687604E-2</v>
      </c>
      <c r="K69" s="121">
        <v>0.1865634874403444</v>
      </c>
      <c r="L69" s="92">
        <v>1.4108053789205795E-2</v>
      </c>
      <c r="M69" s="121">
        <v>9.6045984522609998E-2</v>
      </c>
      <c r="N69" s="92">
        <v>1.0688151092240699E-2</v>
      </c>
      <c r="O69" s="121">
        <v>0.15607683519128787</v>
      </c>
      <c r="P69" s="92">
        <v>1.3147851013803587E-2</v>
      </c>
    </row>
    <row r="70" spans="1:16">
      <c r="A70" s="40" t="s">
        <v>535</v>
      </c>
      <c r="B70" s="48">
        <v>2422</v>
      </c>
      <c r="C70" s="118">
        <v>0.63082917076194844</v>
      </c>
      <c r="D70" s="89">
        <v>1.9597774169192578E-2</v>
      </c>
      <c r="E70" s="118">
        <v>0.1813681089242225</v>
      </c>
      <c r="F70" s="89">
        <v>1.5663834348443335E-2</v>
      </c>
      <c r="G70" s="118">
        <v>0.18780272031382964</v>
      </c>
      <c r="H70" s="89">
        <v>1.5875338874789674E-2</v>
      </c>
      <c r="I70" s="118">
        <v>0.3126163738240299</v>
      </c>
      <c r="J70" s="89">
        <v>1.8828118668392402E-2</v>
      </c>
      <c r="K70" s="118">
        <v>0.17711632249865297</v>
      </c>
      <c r="L70" s="89">
        <v>1.5520092336227354E-2</v>
      </c>
      <c r="M70" s="118">
        <v>7.0682082429691984E-2</v>
      </c>
      <c r="N70" s="89">
        <v>1.0454898205473776E-2</v>
      </c>
      <c r="O70" s="118">
        <v>0.12095955578391993</v>
      </c>
      <c r="P70" s="89">
        <v>1.3270085745395595E-2</v>
      </c>
    </row>
    <row r="71" spans="1:16">
      <c r="A71" s="44" t="s">
        <v>536</v>
      </c>
      <c r="B71" s="44">
        <v>354</v>
      </c>
      <c r="C71" s="121">
        <v>0.59997356384662259</v>
      </c>
      <c r="D71" s="92">
        <v>5.1808347329380132E-2</v>
      </c>
      <c r="E71" s="121">
        <v>0.15760694700694519</v>
      </c>
      <c r="F71" s="92">
        <v>3.8891353291143939E-2</v>
      </c>
      <c r="G71" s="121">
        <v>0.24241948914643099</v>
      </c>
      <c r="H71" s="92">
        <v>4.5480258861999266E-2</v>
      </c>
      <c r="I71" s="121">
        <v>0.33775002851473845</v>
      </c>
      <c r="J71" s="92">
        <v>5.0056942958057148E-2</v>
      </c>
      <c r="K71" s="121">
        <v>0.20430110481525998</v>
      </c>
      <c r="L71" s="92">
        <v>4.2872445055312174E-2</v>
      </c>
      <c r="M71" s="121">
        <v>8.7166516937191615E-2</v>
      </c>
      <c r="N71" s="92">
        <v>3.0518016180205273E-2</v>
      </c>
      <c r="O71" s="121">
        <v>0.16731367253833174</v>
      </c>
      <c r="P71" s="92">
        <v>3.9801082294885853E-2</v>
      </c>
    </row>
    <row r="72" spans="1:16">
      <c r="A72" s="40" t="s">
        <v>537</v>
      </c>
      <c r="B72" s="48">
        <v>80</v>
      </c>
      <c r="C72" s="118">
        <v>0.56411899094973694</v>
      </c>
      <c r="D72" s="89">
        <v>0.10829214885833305</v>
      </c>
      <c r="E72" s="118">
        <v>0.17526576815581982</v>
      </c>
      <c r="F72" s="89">
        <v>8.5732595340607259E-2</v>
      </c>
      <c r="G72" s="118">
        <v>0.26061524089444393</v>
      </c>
      <c r="H72" s="89">
        <v>9.7106377283599637E-2</v>
      </c>
      <c r="I72" s="118">
        <v>0.32366735835342342</v>
      </c>
      <c r="J72" s="89">
        <v>0.10277056057937267</v>
      </c>
      <c r="K72" s="118">
        <v>0.19922780715959532</v>
      </c>
      <c r="L72" s="89">
        <v>8.9428493672729092E-2</v>
      </c>
      <c r="M72" s="118">
        <v>4.1511942575459405E-2</v>
      </c>
      <c r="N72" s="89">
        <v>5.3153934264013401E-2</v>
      </c>
      <c r="O72" s="118">
        <v>0.25002771182594485</v>
      </c>
      <c r="P72" s="89">
        <v>9.5947213816303278E-2</v>
      </c>
    </row>
    <row r="73" spans="1:16">
      <c r="A73" s="44" t="s">
        <v>538</v>
      </c>
      <c r="B73" s="44">
        <v>61</v>
      </c>
      <c r="C73" s="121">
        <v>0.61785455762331554</v>
      </c>
      <c r="D73" s="92">
        <v>0.12096209307080862</v>
      </c>
      <c r="E73" s="121">
        <v>0.15241838203974203</v>
      </c>
      <c r="F73" s="92">
        <v>9.4004514532534597E-2</v>
      </c>
      <c r="G73" s="121">
        <v>0.2297270603369424</v>
      </c>
      <c r="H73" s="92">
        <v>0.10689070348733679</v>
      </c>
      <c r="I73" s="121">
        <v>0.3414200282412394</v>
      </c>
      <c r="J73" s="92">
        <v>0.11841316173228592</v>
      </c>
      <c r="K73" s="121">
        <v>0.20441402214137894</v>
      </c>
      <c r="L73" s="92">
        <v>0.10319553344548792</v>
      </c>
      <c r="M73" s="121">
        <v>0.11296294018397063</v>
      </c>
      <c r="N73" s="92">
        <v>8.5240536181720811E-2</v>
      </c>
      <c r="O73" s="121">
        <v>0.1375531651068303</v>
      </c>
      <c r="P73" s="92">
        <v>9.0910992143984043E-2</v>
      </c>
    </row>
    <row r="74" spans="1:16">
      <c r="A74" s="40" t="s">
        <v>539</v>
      </c>
      <c r="B74" s="48">
        <v>64</v>
      </c>
      <c r="C74" s="118">
        <v>0.66286453327657024</v>
      </c>
      <c r="D74" s="89">
        <v>0.11542859611257525</v>
      </c>
      <c r="E74" s="118">
        <v>0.10274069088943907</v>
      </c>
      <c r="F74" s="89">
        <v>8.0515045919491726E-2</v>
      </c>
      <c r="G74" s="118">
        <v>0.23439477583399079</v>
      </c>
      <c r="H74" s="89">
        <v>0.10502361245100249</v>
      </c>
      <c r="I74" s="118">
        <v>0.26817558187394086</v>
      </c>
      <c r="J74" s="89">
        <v>0.10911249805989351</v>
      </c>
      <c r="K74" s="118">
        <v>0.19691780655187771</v>
      </c>
      <c r="L74" s="89">
        <v>9.9596318431844896E-2</v>
      </c>
      <c r="M74" s="118">
        <v>0.13990644672594793</v>
      </c>
      <c r="N74" s="89">
        <v>8.9159124519207114E-2</v>
      </c>
      <c r="O74" s="118">
        <v>0.10292995108116594</v>
      </c>
      <c r="P74" s="89">
        <v>8.0563677111303272E-2</v>
      </c>
    </row>
    <row r="75" spans="1:16">
      <c r="A75" s="44" t="s">
        <v>540</v>
      </c>
      <c r="B75" s="44">
        <v>74</v>
      </c>
      <c r="C75" s="121">
        <v>0.62430973933762879</v>
      </c>
      <c r="D75" s="92">
        <v>0.11003294701570314</v>
      </c>
      <c r="E75" s="121">
        <v>0.12058035776432778</v>
      </c>
      <c r="F75" s="92">
        <v>7.8585963645155646E-2</v>
      </c>
      <c r="G75" s="121">
        <v>0.25510990289804297</v>
      </c>
      <c r="H75" s="92">
        <v>0.10026171225916509</v>
      </c>
      <c r="I75" s="121">
        <v>0.34904472490463351</v>
      </c>
      <c r="J75" s="92">
        <v>0.10848366442952775</v>
      </c>
      <c r="K75" s="121">
        <v>0.20605296141960619</v>
      </c>
      <c r="L75" s="92">
        <v>9.3980342697995572E-2</v>
      </c>
      <c r="M75" s="121">
        <v>5.9162666203051516E-2</v>
      </c>
      <c r="N75" s="92">
        <v>6.2051849146256492E-2</v>
      </c>
      <c r="O75" s="121">
        <v>0.20285800112363536</v>
      </c>
      <c r="P75" s="92">
        <v>9.3515435253650664E-2</v>
      </c>
    </row>
    <row r="76" spans="1:16">
      <c r="A76" s="40" t="s">
        <v>541</v>
      </c>
      <c r="B76" s="124">
        <v>75</v>
      </c>
      <c r="C76" s="118">
        <v>0.53296082099011177</v>
      </c>
      <c r="D76" s="89">
        <v>0.11228824026854589</v>
      </c>
      <c r="E76" s="118">
        <v>0.23389032430241058</v>
      </c>
      <c r="F76" s="89">
        <v>9.7090631988365497E-2</v>
      </c>
      <c r="G76" s="118">
        <v>0.23314885470747893</v>
      </c>
      <c r="H76" s="89">
        <v>9.699771600834628E-2</v>
      </c>
      <c r="I76" s="118">
        <v>0.41488469485733104</v>
      </c>
      <c r="J76" s="89">
        <v>0.11102980413794383</v>
      </c>
      <c r="K76" s="118">
        <v>0.21584725862903054</v>
      </c>
      <c r="L76" s="89">
        <v>9.4728580710614074E-2</v>
      </c>
      <c r="M76" s="118">
        <v>7.704917472495966E-2</v>
      </c>
      <c r="N76" s="89">
        <v>6.7042086558497513E-2</v>
      </c>
      <c r="O76" s="118">
        <v>0.15011398350612301</v>
      </c>
      <c r="P76" s="89">
        <v>8.4092448376276691E-2</v>
      </c>
    </row>
    <row r="77" spans="1:16">
      <c r="A77" s="44" t="s">
        <v>542</v>
      </c>
      <c r="B77" s="126">
        <v>583</v>
      </c>
      <c r="C77" s="121">
        <v>0.65647414022493922</v>
      </c>
      <c r="D77" s="92">
        <v>3.9230102806551141E-2</v>
      </c>
      <c r="E77" s="121">
        <v>0.19652424298129068</v>
      </c>
      <c r="F77" s="92">
        <v>3.2932055466633074E-2</v>
      </c>
      <c r="G77" s="121">
        <v>0.1470016167937637</v>
      </c>
      <c r="H77" s="92">
        <v>2.9427772402830739E-2</v>
      </c>
      <c r="I77" s="121">
        <v>0.29548974524929311</v>
      </c>
      <c r="J77" s="92">
        <v>3.7715298867676786E-2</v>
      </c>
      <c r="K77" s="121">
        <v>0.14594976471100454</v>
      </c>
      <c r="L77" s="92">
        <v>2.9342711991970371E-2</v>
      </c>
      <c r="M77" s="121">
        <v>5.1777182062075891E-2</v>
      </c>
      <c r="N77" s="92">
        <v>1.8792331736038319E-2</v>
      </c>
      <c r="O77" s="121">
        <v>0.11139583186007432</v>
      </c>
      <c r="P77" s="92">
        <v>2.6239350367948493E-2</v>
      </c>
    </row>
    <row r="78" spans="1:16">
      <c r="A78" s="40" t="s">
        <v>543</v>
      </c>
      <c r="B78" s="78">
        <v>56</v>
      </c>
      <c r="C78" s="93">
        <v>0.68982582563794981</v>
      </c>
      <c r="D78" s="89">
        <v>0.12072296606877117</v>
      </c>
      <c r="E78" s="93">
        <v>0.12891028569765736</v>
      </c>
      <c r="F78" s="89">
        <v>9.3109756169476102E-2</v>
      </c>
      <c r="G78" s="93">
        <v>0.18126388866439286</v>
      </c>
      <c r="H78" s="89">
        <v>0.10376301931814304</v>
      </c>
      <c r="I78" s="93">
        <v>0.22510772635170148</v>
      </c>
      <c r="J78" s="89">
        <v>0.1108072876679948</v>
      </c>
      <c r="K78" s="93">
        <v>0.18126388866439286</v>
      </c>
      <c r="L78" s="89">
        <v>0.10376301931814304</v>
      </c>
      <c r="M78" s="93">
        <v>8.6611792854275477E-2</v>
      </c>
      <c r="N78" s="89">
        <v>8.2112113560798283E-2</v>
      </c>
      <c r="O78" s="93">
        <v>0.14397484164688445</v>
      </c>
      <c r="P78" s="89">
        <v>9.6465281380592127E-2</v>
      </c>
    </row>
    <row r="79" spans="1:16">
      <c r="A79" s="44" t="s">
        <v>550</v>
      </c>
      <c r="B79" s="126">
        <v>102</v>
      </c>
      <c r="C79" s="121">
        <v>0.63243668013493803</v>
      </c>
      <c r="D79" s="92">
        <v>9.3920738069789428E-2</v>
      </c>
      <c r="E79" s="121">
        <v>0.19218838537730651</v>
      </c>
      <c r="F79" s="92">
        <v>7.8251621481918693E-2</v>
      </c>
      <c r="G79" s="121">
        <v>0.1753749344877554</v>
      </c>
      <c r="H79" s="92">
        <v>7.5840403427869574E-2</v>
      </c>
      <c r="I79" s="121">
        <v>0.32561898750245549</v>
      </c>
      <c r="J79" s="92">
        <v>9.1495532351884137E-2</v>
      </c>
      <c r="K79" s="121">
        <v>0.13380862975651606</v>
      </c>
      <c r="L79" s="92">
        <v>6.8908851502607421E-2</v>
      </c>
      <c r="M79" s="121">
        <v>6.454285281815067E-2</v>
      </c>
      <c r="N79" s="92">
        <v>5.2992778185270956E-2</v>
      </c>
      <c r="O79" s="121">
        <v>0.12456727189732428</v>
      </c>
      <c r="P79" s="92">
        <v>6.7148742461435068E-2</v>
      </c>
    </row>
    <row r="80" spans="1:16">
      <c r="A80" s="52" t="s">
        <v>544</v>
      </c>
      <c r="B80" s="124">
        <v>116</v>
      </c>
      <c r="C80" s="118">
        <v>0.63680853403719961</v>
      </c>
      <c r="D80" s="89">
        <v>8.8036053312616949E-2</v>
      </c>
      <c r="E80" s="118">
        <v>0.24511298279728891</v>
      </c>
      <c r="F80" s="89">
        <v>7.943374218110047E-2</v>
      </c>
      <c r="G80" s="118">
        <v>0.11807848316551221</v>
      </c>
      <c r="H80" s="89">
        <v>6.1562475985995048E-2</v>
      </c>
      <c r="I80" s="118">
        <v>0.32526645358070988</v>
      </c>
      <c r="J80" s="89">
        <v>8.5920451129621114E-2</v>
      </c>
      <c r="K80" s="118">
        <v>0.14176468081593363</v>
      </c>
      <c r="L80" s="89">
        <v>6.584840349900356E-2</v>
      </c>
      <c r="M80" s="118">
        <v>4.2344161290048969E-2</v>
      </c>
      <c r="N80" s="89">
        <v>4.2536913425102241E-2</v>
      </c>
      <c r="O80" s="118">
        <v>7.0987728343247042E-2</v>
      </c>
      <c r="P80" s="89">
        <v>5.0994794184495436E-2</v>
      </c>
    </row>
    <row r="81" spans="1:16">
      <c r="A81" s="44" t="s">
        <v>545</v>
      </c>
      <c r="B81" s="126">
        <v>147</v>
      </c>
      <c r="C81" s="121">
        <v>0.58967244613433234</v>
      </c>
      <c r="D81" s="92">
        <v>8.0128907865087445E-2</v>
      </c>
      <c r="E81" s="121">
        <v>0.22480270325174914</v>
      </c>
      <c r="F81" s="92">
        <v>6.8711061693514777E-2</v>
      </c>
      <c r="G81" s="121">
        <v>0.1855248506139191</v>
      </c>
      <c r="H81" s="92">
        <v>6.4340862521587647E-2</v>
      </c>
      <c r="I81" s="121">
        <v>0.36336715231170463</v>
      </c>
      <c r="J81" s="92">
        <v>7.8446409132160139E-2</v>
      </c>
      <c r="K81" s="121">
        <v>0.17824299351881148</v>
      </c>
      <c r="L81" s="92">
        <v>6.3430555545557113E-2</v>
      </c>
      <c r="M81" s="121">
        <v>4.9912670493921049E-2</v>
      </c>
      <c r="N81" s="92">
        <v>3.9201257889701829E-2</v>
      </c>
      <c r="O81" s="121">
        <v>0.17955496917115873</v>
      </c>
      <c r="P81" s="92">
        <v>6.3597074271219217E-2</v>
      </c>
    </row>
    <row r="82" spans="1:16">
      <c r="A82" s="52" t="s">
        <v>546</v>
      </c>
      <c r="B82" s="124">
        <v>70</v>
      </c>
      <c r="C82" s="118">
        <v>0.76443292309722766</v>
      </c>
      <c r="D82" s="89">
        <v>0.10065470943179113</v>
      </c>
      <c r="E82" s="118">
        <v>0.17392148304200714</v>
      </c>
      <c r="F82" s="89">
        <v>9.1491237797028863E-2</v>
      </c>
      <c r="G82" s="118">
        <v>6.1645593860764444E-2</v>
      </c>
      <c r="H82" s="89">
        <v>6.4956300573873277E-2</v>
      </c>
      <c r="I82" s="118">
        <v>0.19117957953713866</v>
      </c>
      <c r="J82" s="89">
        <v>9.4343125245985607E-2</v>
      </c>
      <c r="K82" s="118">
        <v>9.1549128694417586E-2</v>
      </c>
      <c r="L82" s="89">
        <v>7.3784321598228134E-2</v>
      </c>
      <c r="M82" s="118">
        <v>1.4483962531979779E-2</v>
      </c>
      <c r="N82" s="89">
        <v>4.5954911370232311E-2</v>
      </c>
      <c r="O82" s="118">
        <v>3.4281433191336225E-2</v>
      </c>
      <c r="P82" s="89">
        <v>5.4979339620273376E-2</v>
      </c>
    </row>
    <row r="83" spans="1:16">
      <c r="A83" s="44" t="s">
        <v>547</v>
      </c>
      <c r="B83" s="126">
        <v>92</v>
      </c>
      <c r="C83" s="121">
        <v>0.74369147469781394</v>
      </c>
      <c r="D83" s="92">
        <v>9.0245073698134615E-2</v>
      </c>
      <c r="E83" s="121">
        <v>0.12487112296902572</v>
      </c>
      <c r="F83" s="92">
        <v>7.0934483666724071E-2</v>
      </c>
      <c r="G83" s="121">
        <v>0.13143740233315895</v>
      </c>
      <c r="H83" s="92">
        <v>7.2239660957343424E-2</v>
      </c>
      <c r="I83" s="121">
        <v>0.20078724274476131</v>
      </c>
      <c r="J83" s="92">
        <v>8.3610451991406945E-2</v>
      </c>
      <c r="K83" s="121">
        <v>0.13362071510256457</v>
      </c>
      <c r="L83" s="92">
        <v>7.266341445529037E-2</v>
      </c>
      <c r="M83" s="121">
        <v>6.6004766293765976E-2</v>
      </c>
      <c r="N83" s="92">
        <v>5.6648450233155123E-2</v>
      </c>
      <c r="O83" s="121">
        <v>6.7789490128744342E-2</v>
      </c>
      <c r="P83" s="92">
        <v>5.716821659172646E-2</v>
      </c>
    </row>
    <row r="84" spans="1:16">
      <c r="A84" s="52" t="s">
        <v>551</v>
      </c>
      <c r="B84" s="124">
        <v>696</v>
      </c>
      <c r="C84" s="118">
        <v>0.58018167128982312</v>
      </c>
      <c r="D84" s="89">
        <v>3.731289819831575E-2</v>
      </c>
      <c r="E84" s="118">
        <v>0.21853395907784157</v>
      </c>
      <c r="F84" s="89">
        <v>3.1321347184570997E-2</v>
      </c>
      <c r="G84" s="118">
        <v>0.20128436963233795</v>
      </c>
      <c r="H84" s="89">
        <v>3.0405435762422415E-2</v>
      </c>
      <c r="I84" s="118">
        <v>0.27429914553626644</v>
      </c>
      <c r="J84" s="89">
        <v>3.3775700678399252E-2</v>
      </c>
      <c r="K84" s="118">
        <v>0.19370637654428272</v>
      </c>
      <c r="L84" s="89">
        <v>2.9976498722811384E-2</v>
      </c>
      <c r="M84" s="118">
        <v>0.10676956414857998</v>
      </c>
      <c r="N84" s="89">
        <v>2.3559284148629799E-2</v>
      </c>
      <c r="O84" s="118">
        <v>0.16788765444698608</v>
      </c>
      <c r="P84" s="89">
        <v>2.838091349457544E-2</v>
      </c>
    </row>
    <row r="85" spans="1:16">
      <c r="A85" s="44" t="s">
        <v>552</v>
      </c>
      <c r="B85" s="126">
        <v>195</v>
      </c>
      <c r="C85" s="121">
        <v>0.67105238340332329</v>
      </c>
      <c r="D85" s="92">
        <v>6.6786316196896983E-2</v>
      </c>
      <c r="E85" s="121">
        <v>0.17254486287468965</v>
      </c>
      <c r="F85" s="92">
        <v>5.4365307828380574E-2</v>
      </c>
      <c r="G85" s="121">
        <v>0.15640275372198661</v>
      </c>
      <c r="H85" s="92">
        <v>5.2407242986541196E-2</v>
      </c>
      <c r="I85" s="121">
        <v>0.25612815824407548</v>
      </c>
      <c r="J85" s="92">
        <v>6.2267600356427637E-2</v>
      </c>
      <c r="K85" s="121">
        <v>0.12895864212237906</v>
      </c>
      <c r="L85" s="92">
        <v>4.8661940695715535E-2</v>
      </c>
      <c r="M85" s="121">
        <v>8.6959650509853575E-2</v>
      </c>
      <c r="N85" s="92">
        <v>4.1622164161549569E-2</v>
      </c>
      <c r="O85" s="121">
        <v>0.10327150552564826</v>
      </c>
      <c r="P85" s="92">
        <v>4.4579619194062559E-2</v>
      </c>
    </row>
    <row r="86" spans="1:16">
      <c r="A86" s="52" t="s">
        <v>553</v>
      </c>
      <c r="B86" s="124">
        <v>252</v>
      </c>
      <c r="C86" s="118">
        <v>0.51001841404386938</v>
      </c>
      <c r="D86" s="89">
        <v>6.2487841741834263E-2</v>
      </c>
      <c r="E86" s="118">
        <v>0.24044057330920135</v>
      </c>
      <c r="F86" s="89">
        <v>5.3723511313711211E-2</v>
      </c>
      <c r="G86" s="118">
        <v>0.24954101264693015</v>
      </c>
      <c r="H86" s="89">
        <v>5.4373604011628988E-2</v>
      </c>
      <c r="I86" s="118">
        <v>0.30914130838766907</v>
      </c>
      <c r="J86" s="89">
        <v>5.7919989468339088E-2</v>
      </c>
      <c r="K86" s="89">
        <v>0.21803404970024734</v>
      </c>
      <c r="L86" s="89">
        <v>5.1985622626441116E-2</v>
      </c>
      <c r="M86" s="89">
        <v>0.13961089742954599</v>
      </c>
      <c r="N86" s="89">
        <v>4.4043079980832761E-2</v>
      </c>
      <c r="O86" s="89">
        <v>0.22288332781946077</v>
      </c>
      <c r="P86" s="89">
        <v>5.2378938263686538E-2</v>
      </c>
    </row>
    <row r="87" spans="1:16">
      <c r="A87" s="44" t="s">
        <v>554</v>
      </c>
      <c r="B87" s="126">
        <v>222</v>
      </c>
      <c r="C87" s="121">
        <v>0.61853100132898287</v>
      </c>
      <c r="D87" s="92">
        <v>6.4690321727997505E-2</v>
      </c>
      <c r="E87" s="121">
        <v>0.20476344033885485</v>
      </c>
      <c r="F87" s="92">
        <v>5.4186427170456797E-2</v>
      </c>
      <c r="G87" s="121">
        <v>0.17670555833216273</v>
      </c>
      <c r="H87" s="92">
        <v>5.1378822209885676E-2</v>
      </c>
      <c r="I87" s="121">
        <v>0.23904524090942839</v>
      </c>
      <c r="J87" s="92">
        <v>5.7112187153065541E-2</v>
      </c>
      <c r="K87" s="92">
        <v>0.2027641751469918</v>
      </c>
      <c r="L87" s="92">
        <v>5.3999441380294853E-2</v>
      </c>
      <c r="M87" s="92">
        <v>7.5197421098522912E-2</v>
      </c>
      <c r="N87" s="92">
        <v>3.664566177016574E-2</v>
      </c>
      <c r="O87" s="92">
        <v>0.15127946991883501</v>
      </c>
      <c r="P87" s="92">
        <v>4.8455898244229217E-2</v>
      </c>
    </row>
    <row r="90" spans="1:16" ht="18.75">
      <c r="A90" s="344" t="s">
        <v>10</v>
      </c>
      <c r="B90" s="344"/>
      <c r="C90" s="344"/>
      <c r="D90" s="344"/>
    </row>
    <row r="91" spans="1:16" ht="112.5" customHeight="1">
      <c r="A91" s="381" t="s">
        <v>611</v>
      </c>
      <c r="B91" s="381"/>
      <c r="C91" s="381"/>
      <c r="D91" s="381"/>
    </row>
    <row r="92" spans="1:16" ht="37.5" customHeight="1">
      <c r="A92" s="357" t="s">
        <v>114</v>
      </c>
      <c r="B92" s="357"/>
      <c r="C92" s="357"/>
      <c r="D92" s="357"/>
    </row>
    <row r="93" spans="1:16" ht="36" customHeight="1">
      <c r="A93" s="32" t="s">
        <v>71</v>
      </c>
      <c r="B93" s="33" t="s">
        <v>72</v>
      </c>
      <c r="C93" s="34" t="s">
        <v>593</v>
      </c>
      <c r="D93" s="35" t="s">
        <v>73</v>
      </c>
    </row>
    <row r="94" spans="1:16" ht="60">
      <c r="A94" s="36"/>
      <c r="B94" s="37" t="s">
        <v>74</v>
      </c>
      <c r="C94" s="38" t="s">
        <v>115</v>
      </c>
      <c r="D94" s="39" t="s">
        <v>76</v>
      </c>
    </row>
    <row r="95" spans="1:16">
      <c r="A95" s="40" t="s">
        <v>350</v>
      </c>
      <c r="B95" s="128">
        <v>13131</v>
      </c>
      <c r="C95" s="129">
        <v>3.8724198307450646</v>
      </c>
      <c r="D95" s="130">
        <v>2.1149521632353018E-2</v>
      </c>
    </row>
    <row r="96" spans="1:16">
      <c r="A96" s="44" t="s">
        <v>351</v>
      </c>
      <c r="B96" s="44">
        <v>9681</v>
      </c>
      <c r="C96" s="132">
        <v>3.647158658447113</v>
      </c>
      <c r="D96" s="133">
        <v>2.4227169989763712E-2</v>
      </c>
    </row>
    <row r="97" spans="1:4">
      <c r="A97" s="40" t="s">
        <v>352</v>
      </c>
      <c r="B97" s="48">
        <v>3450</v>
      </c>
      <c r="C97" s="129">
        <v>4.057011686604965</v>
      </c>
      <c r="D97" s="130">
        <v>4.1926708767909347E-2</v>
      </c>
    </row>
    <row r="98" spans="1:4">
      <c r="A98" s="44" t="s">
        <v>534</v>
      </c>
      <c r="B98" s="44">
        <v>3013</v>
      </c>
      <c r="C98" s="132">
        <v>3.9504918435433853</v>
      </c>
      <c r="D98" s="133">
        <v>4.2190318902346306E-2</v>
      </c>
    </row>
    <row r="99" spans="1:4">
      <c r="A99" s="40" t="s">
        <v>535</v>
      </c>
      <c r="B99" s="48">
        <v>2376</v>
      </c>
      <c r="C99" s="129">
        <v>3.7429754663842258</v>
      </c>
      <c r="D99" s="130">
        <v>4.6289243432072767E-2</v>
      </c>
    </row>
    <row r="100" spans="1:4">
      <c r="A100" s="44" t="s">
        <v>536</v>
      </c>
      <c r="B100" s="44">
        <v>349</v>
      </c>
      <c r="C100" s="132">
        <v>3.5341611079987612</v>
      </c>
      <c r="D100" s="133">
        <v>0.12624303408281434</v>
      </c>
    </row>
    <row r="101" spans="1:4">
      <c r="A101" s="40" t="s">
        <v>537</v>
      </c>
      <c r="B101" s="48">
        <v>84</v>
      </c>
      <c r="C101" s="129">
        <v>3.7279627619603257</v>
      </c>
      <c r="D101" s="130">
        <v>0.26272341625341572</v>
      </c>
    </row>
    <row r="102" spans="1:4">
      <c r="A102" s="44" t="s">
        <v>538</v>
      </c>
      <c r="B102" s="44">
        <v>58</v>
      </c>
      <c r="C102" s="132">
        <v>3.286111431051514</v>
      </c>
      <c r="D102" s="133">
        <v>0.29972370870545023</v>
      </c>
    </row>
    <row r="103" spans="1:4">
      <c r="A103" s="40" t="s">
        <v>539</v>
      </c>
      <c r="B103" s="48">
        <v>63</v>
      </c>
      <c r="C103" s="129">
        <v>3.3519858255642103</v>
      </c>
      <c r="D103" s="130">
        <v>0.32301959868628471</v>
      </c>
    </row>
    <row r="104" spans="1:4">
      <c r="A104" s="44" t="s">
        <v>540</v>
      </c>
      <c r="B104" s="44">
        <v>69</v>
      </c>
      <c r="C104" s="132">
        <v>3.5384840257659458</v>
      </c>
      <c r="D104" s="133">
        <v>0.27213139569834982</v>
      </c>
    </row>
    <row r="105" spans="1:4">
      <c r="A105" s="40" t="s">
        <v>541</v>
      </c>
      <c r="B105" s="128">
        <v>75</v>
      </c>
      <c r="C105" s="129">
        <v>3.6983054747968529</v>
      </c>
      <c r="D105" s="130">
        <v>0.25633101284891013</v>
      </c>
    </row>
    <row r="106" spans="1:4">
      <c r="A106" s="44" t="s">
        <v>542</v>
      </c>
      <c r="B106" s="131">
        <v>579</v>
      </c>
      <c r="C106" s="132">
        <v>3.7112137139798036</v>
      </c>
      <c r="D106" s="133">
        <v>9.3162421523141803E-2</v>
      </c>
    </row>
    <row r="107" spans="1:4">
      <c r="A107" s="40" t="s">
        <v>543</v>
      </c>
      <c r="B107" s="78">
        <v>56</v>
      </c>
      <c r="C107" s="79">
        <v>3.7909115880050694</v>
      </c>
      <c r="D107" s="130">
        <v>0.35327586278611334</v>
      </c>
    </row>
    <row r="108" spans="1:4">
      <c r="A108" s="44" t="s">
        <v>550</v>
      </c>
      <c r="B108" s="131">
        <v>97</v>
      </c>
      <c r="C108" s="132">
        <v>3.3998395808712747</v>
      </c>
      <c r="D108" s="133">
        <v>0.21922001451383397</v>
      </c>
    </row>
    <row r="109" spans="1:4">
      <c r="A109" s="52" t="s">
        <v>544</v>
      </c>
      <c r="B109" s="128">
        <v>116</v>
      </c>
      <c r="C109" s="129">
        <v>3.8458274132903627</v>
      </c>
      <c r="D109" s="130">
        <v>0.19420704291847143</v>
      </c>
    </row>
    <row r="110" spans="1:4">
      <c r="A110" s="44" t="s">
        <v>545</v>
      </c>
      <c r="B110" s="131">
        <v>150</v>
      </c>
      <c r="C110" s="132">
        <v>3.8874975890446315</v>
      </c>
      <c r="D110" s="133">
        <v>0.17686234554970975</v>
      </c>
    </row>
    <row r="111" spans="1:4">
      <c r="A111" s="52" t="s">
        <v>546</v>
      </c>
      <c r="B111" s="128">
        <v>69</v>
      </c>
      <c r="C111" s="129">
        <v>3.7459577372637081</v>
      </c>
      <c r="D111" s="130">
        <v>0.24091354682264254</v>
      </c>
    </row>
    <row r="112" spans="1:4">
      <c r="A112" s="44" t="s">
        <v>547</v>
      </c>
      <c r="B112" s="131">
        <v>91</v>
      </c>
      <c r="C112" s="132">
        <v>3.4635761809542664</v>
      </c>
      <c r="D112" s="133">
        <v>0.25077170397116444</v>
      </c>
    </row>
    <row r="113" spans="1:37">
      <c r="A113" s="52" t="s">
        <v>551</v>
      </c>
      <c r="B113" s="128">
        <v>695</v>
      </c>
      <c r="C113" s="129">
        <v>4.0258392730261674</v>
      </c>
      <c r="D113" s="130">
        <v>9.3188451248846269E-2</v>
      </c>
    </row>
    <row r="114" spans="1:37">
      <c r="A114" s="44" t="s">
        <v>552</v>
      </c>
      <c r="B114" s="131">
        <v>189</v>
      </c>
      <c r="C114" s="132">
        <v>4.0156538937964523</v>
      </c>
      <c r="D114" s="133">
        <v>0.1751040609384529</v>
      </c>
    </row>
    <row r="115" spans="1:37">
      <c r="A115" s="52" t="s">
        <v>553</v>
      </c>
      <c r="B115" s="128">
        <v>253</v>
      </c>
      <c r="C115" s="129">
        <v>3.9208829117010668</v>
      </c>
      <c r="D115" s="130">
        <v>0.15198746690673026</v>
      </c>
    </row>
    <row r="116" spans="1:37">
      <c r="A116" s="44" t="s">
        <v>554</v>
      </c>
      <c r="B116" s="131">
        <v>217</v>
      </c>
      <c r="C116" s="132">
        <v>4.103232981528846</v>
      </c>
      <c r="D116" s="133">
        <v>0.17219003605466224</v>
      </c>
      <c r="P116" s="238"/>
      <c r="Q116" s="238"/>
      <c r="R116" s="238"/>
      <c r="S116" s="238"/>
      <c r="T116" s="238"/>
      <c r="U116" s="238"/>
      <c r="V116" s="238"/>
      <c r="W116" s="238"/>
      <c r="X116" s="238"/>
      <c r="Y116" s="238"/>
      <c r="Z116" s="238"/>
      <c r="AA116" s="238"/>
      <c r="AB116" s="238"/>
      <c r="AC116" s="238"/>
      <c r="AD116" s="238"/>
    </row>
    <row r="117" spans="1:37">
      <c r="P117" s="238"/>
      <c r="Q117" s="238"/>
      <c r="R117" s="238"/>
      <c r="S117" s="238"/>
      <c r="T117" s="238"/>
      <c r="U117" s="238"/>
      <c r="V117" s="238"/>
      <c r="W117" s="238"/>
      <c r="X117" s="238"/>
      <c r="Y117" s="238"/>
      <c r="Z117" s="238"/>
      <c r="AA117" s="238"/>
      <c r="AB117" s="238"/>
      <c r="AC117" s="238"/>
      <c r="AD117" s="238"/>
    </row>
    <row r="118" spans="1:37">
      <c r="P118" s="238"/>
      <c r="Q118" s="238"/>
      <c r="R118" s="238"/>
      <c r="S118" s="238"/>
      <c r="T118" s="238"/>
      <c r="U118" s="238"/>
      <c r="V118" s="238"/>
      <c r="W118" s="238"/>
      <c r="X118" s="238"/>
      <c r="Y118" s="238"/>
      <c r="Z118" s="238"/>
      <c r="AA118" s="238"/>
      <c r="AB118" s="238"/>
      <c r="AC118" s="238"/>
      <c r="AD118" s="238"/>
    </row>
    <row r="119" spans="1:37" ht="18.75">
      <c r="A119" s="344" t="s">
        <v>36</v>
      </c>
      <c r="B119" s="344"/>
      <c r="C119" s="344"/>
      <c r="D119" s="344"/>
      <c r="E119" s="344"/>
      <c r="F119" s="344"/>
      <c r="G119" s="344"/>
      <c r="H119" s="344"/>
      <c r="I119" s="344"/>
      <c r="J119" s="344"/>
      <c r="K119" s="344"/>
      <c r="L119" s="344"/>
      <c r="M119" s="344"/>
      <c r="N119" s="344"/>
      <c r="O119" s="344"/>
      <c r="P119" s="344"/>
      <c r="Q119" s="344"/>
      <c r="R119" s="344"/>
      <c r="S119" s="344"/>
      <c r="T119" s="344"/>
      <c r="U119" s="344"/>
      <c r="V119" s="344"/>
      <c r="W119" s="344"/>
      <c r="X119" s="344"/>
      <c r="Y119" s="344"/>
      <c r="Z119" s="344"/>
      <c r="AA119" s="344"/>
      <c r="AB119" s="344"/>
      <c r="AC119" s="344"/>
      <c r="AD119" s="344"/>
      <c r="AE119" s="344"/>
      <c r="AF119" s="344"/>
      <c r="AG119" s="344"/>
      <c r="AH119" s="344"/>
      <c r="AI119" s="344"/>
      <c r="AJ119" s="344"/>
      <c r="AK119" s="344"/>
    </row>
    <row r="120" spans="1:37" ht="72" customHeight="1">
      <c r="A120" s="388" t="s">
        <v>591</v>
      </c>
      <c r="B120" s="388"/>
      <c r="C120" s="388"/>
      <c r="D120" s="388"/>
      <c r="E120" s="388"/>
      <c r="F120" s="388"/>
      <c r="G120" s="388"/>
      <c r="H120" s="388"/>
      <c r="I120" s="388"/>
      <c r="J120" s="388"/>
      <c r="K120" s="388"/>
      <c r="L120" s="388"/>
      <c r="M120" s="388"/>
      <c r="N120" s="388"/>
      <c r="O120" s="388"/>
      <c r="P120" s="388"/>
      <c r="Q120" s="388"/>
      <c r="R120" s="388"/>
      <c r="S120" s="388"/>
      <c r="T120" s="388"/>
      <c r="U120" s="388"/>
      <c r="V120" s="388"/>
      <c r="W120" s="388"/>
      <c r="X120" s="388"/>
      <c r="Y120" s="388"/>
      <c r="Z120" s="388"/>
      <c r="AA120" s="388"/>
      <c r="AB120" s="388"/>
      <c r="AC120" s="388"/>
      <c r="AD120" s="388"/>
      <c r="AE120" s="388"/>
      <c r="AF120" s="388"/>
      <c r="AG120" s="388"/>
      <c r="AH120" s="388"/>
      <c r="AI120" s="388"/>
      <c r="AJ120" s="388"/>
      <c r="AK120" s="388"/>
    </row>
    <row r="121" spans="1:37" ht="41.25" customHeight="1">
      <c r="A121" s="59"/>
      <c r="B121" s="384" t="s">
        <v>221</v>
      </c>
      <c r="C121" s="385"/>
      <c r="D121" s="385"/>
      <c r="E121" s="385"/>
      <c r="F121" s="385"/>
      <c r="G121" s="385"/>
      <c r="H121" s="385"/>
      <c r="I121" s="385"/>
      <c r="J121" s="386"/>
      <c r="K121" s="382" t="s">
        <v>379</v>
      </c>
      <c r="L121" s="383"/>
      <c r="M121" s="383"/>
      <c r="N121" s="383"/>
      <c r="O121" s="383"/>
      <c r="P121" s="383"/>
      <c r="Q121" s="383"/>
      <c r="R121" s="383"/>
      <c r="S121" s="383"/>
      <c r="T121" s="384" t="s">
        <v>193</v>
      </c>
      <c r="U121" s="385"/>
      <c r="V121" s="385"/>
      <c r="W121" s="385"/>
      <c r="X121" s="385"/>
      <c r="Y121" s="385"/>
      <c r="Z121" s="385"/>
      <c r="AA121" s="385"/>
      <c r="AB121" s="386"/>
      <c r="AC121" s="382" t="s">
        <v>380</v>
      </c>
      <c r="AD121" s="383"/>
      <c r="AE121" s="383"/>
      <c r="AF121" s="383"/>
      <c r="AG121" s="383"/>
      <c r="AH121" s="383"/>
      <c r="AI121" s="383"/>
      <c r="AJ121" s="383"/>
      <c r="AK121" s="383"/>
    </row>
    <row r="122" spans="1:37" ht="40.5" customHeight="1">
      <c r="A122" s="32" t="s">
        <v>71</v>
      </c>
      <c r="B122" s="33" t="s">
        <v>72</v>
      </c>
      <c r="C122" s="33" t="s">
        <v>156</v>
      </c>
      <c r="D122" s="84" t="s">
        <v>85</v>
      </c>
      <c r="E122" s="33" t="s">
        <v>157</v>
      </c>
      <c r="F122" s="84" t="s">
        <v>86</v>
      </c>
      <c r="G122" s="33" t="s">
        <v>158</v>
      </c>
      <c r="H122" s="84" t="s">
        <v>87</v>
      </c>
      <c r="I122" s="33" t="s">
        <v>301</v>
      </c>
      <c r="J122" s="84" t="s">
        <v>300</v>
      </c>
      <c r="K122" s="60" t="s">
        <v>72</v>
      </c>
      <c r="L122" s="60" t="s">
        <v>156</v>
      </c>
      <c r="M122" s="83" t="s">
        <v>85</v>
      </c>
      <c r="N122" s="60" t="s">
        <v>157</v>
      </c>
      <c r="O122" s="83" t="s">
        <v>86</v>
      </c>
      <c r="P122" s="60" t="s">
        <v>158</v>
      </c>
      <c r="Q122" s="83" t="s">
        <v>87</v>
      </c>
      <c r="R122" s="60" t="s">
        <v>301</v>
      </c>
      <c r="S122" s="83" t="s">
        <v>300</v>
      </c>
      <c r="T122" s="33" t="s">
        <v>72</v>
      </c>
      <c r="U122" s="33" t="s">
        <v>156</v>
      </c>
      <c r="V122" s="84" t="s">
        <v>85</v>
      </c>
      <c r="W122" s="33" t="s">
        <v>157</v>
      </c>
      <c r="X122" s="84" t="s">
        <v>86</v>
      </c>
      <c r="Y122" s="33" t="s">
        <v>158</v>
      </c>
      <c r="Z122" s="84" t="s">
        <v>87</v>
      </c>
      <c r="AA122" s="33" t="s">
        <v>301</v>
      </c>
      <c r="AB122" s="84" t="s">
        <v>300</v>
      </c>
      <c r="AC122" s="60" t="s">
        <v>72</v>
      </c>
      <c r="AD122" s="60" t="s">
        <v>156</v>
      </c>
      <c r="AE122" s="83" t="s">
        <v>85</v>
      </c>
      <c r="AF122" s="60" t="s">
        <v>157</v>
      </c>
      <c r="AG122" s="83" t="s">
        <v>86</v>
      </c>
      <c r="AH122" s="60" t="s">
        <v>158</v>
      </c>
      <c r="AI122" s="83" t="s">
        <v>87</v>
      </c>
      <c r="AJ122" s="60" t="s">
        <v>301</v>
      </c>
      <c r="AK122" s="83" t="s">
        <v>300</v>
      </c>
    </row>
    <row r="123" spans="1:37" ht="66" customHeight="1">
      <c r="A123" s="36"/>
      <c r="B123" s="37" t="s">
        <v>74</v>
      </c>
      <c r="C123" s="37" t="s">
        <v>159</v>
      </c>
      <c r="D123" s="86" t="s">
        <v>88</v>
      </c>
      <c r="E123" s="37" t="s">
        <v>160</v>
      </c>
      <c r="F123" s="86" t="s">
        <v>88</v>
      </c>
      <c r="G123" s="37" t="s">
        <v>161</v>
      </c>
      <c r="H123" s="86" t="s">
        <v>88</v>
      </c>
      <c r="I123" s="37" t="s">
        <v>301</v>
      </c>
      <c r="J123" s="86" t="s">
        <v>88</v>
      </c>
      <c r="K123" s="63" t="s">
        <v>74</v>
      </c>
      <c r="L123" s="63" t="s">
        <v>159</v>
      </c>
      <c r="M123" s="85" t="s">
        <v>88</v>
      </c>
      <c r="N123" s="63" t="s">
        <v>160</v>
      </c>
      <c r="O123" s="85" t="s">
        <v>88</v>
      </c>
      <c r="P123" s="63" t="s">
        <v>161</v>
      </c>
      <c r="Q123" s="85" t="s">
        <v>88</v>
      </c>
      <c r="R123" s="63" t="s">
        <v>301</v>
      </c>
      <c r="S123" s="85" t="s">
        <v>88</v>
      </c>
      <c r="T123" s="37" t="s">
        <v>74</v>
      </c>
      <c r="U123" s="37" t="s">
        <v>159</v>
      </c>
      <c r="V123" s="86" t="s">
        <v>88</v>
      </c>
      <c r="W123" s="37" t="s">
        <v>160</v>
      </c>
      <c r="X123" s="86" t="s">
        <v>88</v>
      </c>
      <c r="Y123" s="37" t="s">
        <v>161</v>
      </c>
      <c r="Z123" s="86" t="s">
        <v>88</v>
      </c>
      <c r="AA123" s="37" t="s">
        <v>301</v>
      </c>
      <c r="AB123" s="86" t="s">
        <v>88</v>
      </c>
      <c r="AC123" s="63" t="s">
        <v>74</v>
      </c>
      <c r="AD123" s="63" t="s">
        <v>159</v>
      </c>
      <c r="AE123" s="85" t="s">
        <v>88</v>
      </c>
      <c r="AF123" s="63" t="s">
        <v>160</v>
      </c>
      <c r="AG123" s="85" t="s">
        <v>88</v>
      </c>
      <c r="AH123" s="63" t="s">
        <v>161</v>
      </c>
      <c r="AI123" s="85" t="s">
        <v>88</v>
      </c>
      <c r="AJ123" s="63" t="s">
        <v>301</v>
      </c>
      <c r="AK123" s="85" t="s">
        <v>88</v>
      </c>
    </row>
    <row r="124" spans="1:37">
      <c r="A124" s="40" t="s">
        <v>350</v>
      </c>
      <c r="B124" s="134">
        <v>13965</v>
      </c>
      <c r="C124" s="135">
        <v>0.36644795766614507</v>
      </c>
      <c r="D124" s="89">
        <v>8.1536898892394533E-3</v>
      </c>
      <c r="E124" s="135">
        <v>0.23648040341275756</v>
      </c>
      <c r="F124" s="89">
        <v>7.191224160995411E-3</v>
      </c>
      <c r="G124" s="135">
        <v>0.38329741118132249</v>
      </c>
      <c r="H124" s="89">
        <v>8.2273567588273637E-3</v>
      </c>
      <c r="I124" s="135">
        <v>1.3774227739792673E-2</v>
      </c>
      <c r="J124" s="89">
        <v>1.9820855190901066E-3</v>
      </c>
      <c r="K124" s="134">
        <v>13880</v>
      </c>
      <c r="L124" s="135">
        <v>0.32062561491627489</v>
      </c>
      <c r="M124" s="89">
        <v>7.9221828736430119E-3</v>
      </c>
      <c r="N124" s="135">
        <v>0.2335049807445477</v>
      </c>
      <c r="O124" s="89">
        <v>7.1816638157436805E-3</v>
      </c>
      <c r="P124" s="135">
        <v>0.38589727124803358</v>
      </c>
      <c r="Q124" s="89">
        <v>8.2629653853185988E-3</v>
      </c>
      <c r="R124" s="135">
        <v>5.9972133091162609E-2</v>
      </c>
      <c r="S124" s="89">
        <v>4.0341036549552522E-3</v>
      </c>
      <c r="T124" s="134">
        <v>13922</v>
      </c>
      <c r="U124" s="135">
        <v>0.49368915731230545</v>
      </c>
      <c r="V124" s="89">
        <v>8.4732930857762939E-3</v>
      </c>
      <c r="W124" s="135">
        <v>0.19666974281796323</v>
      </c>
      <c r="X124" s="89">
        <v>6.7376005886321923E-3</v>
      </c>
      <c r="Y124" s="135">
        <v>0.21420187864334492</v>
      </c>
      <c r="Z124" s="89">
        <v>6.9541563128915091E-3</v>
      </c>
      <c r="AA124" s="135">
        <v>9.543922122640483E-2</v>
      </c>
      <c r="AB124" s="89">
        <v>4.9823639893224105E-3</v>
      </c>
      <c r="AC124" s="134">
        <v>13902</v>
      </c>
      <c r="AD124" s="135">
        <v>0.30993186866202399</v>
      </c>
      <c r="AE124" s="89">
        <v>7.8438464444957785E-3</v>
      </c>
      <c r="AF124" s="135">
        <v>0.25085781071638874</v>
      </c>
      <c r="AG124" s="89">
        <v>7.3530255757909366E-3</v>
      </c>
      <c r="AH124" s="135">
        <v>0.36624752792057691</v>
      </c>
      <c r="AI124" s="89">
        <v>8.1711972448100367E-3</v>
      </c>
      <c r="AJ124" s="135">
        <v>7.2962792701029858E-2</v>
      </c>
      <c r="AK124" s="89">
        <v>4.4143288466272764E-3</v>
      </c>
    </row>
    <row r="125" spans="1:37">
      <c r="A125" s="44" t="s">
        <v>351</v>
      </c>
      <c r="B125" s="136">
        <v>10219</v>
      </c>
      <c r="C125" s="137">
        <v>0.37425977793015447</v>
      </c>
      <c r="D125" s="92">
        <v>9.5727319604077283E-3</v>
      </c>
      <c r="E125" s="137">
        <v>0.23341807096192999</v>
      </c>
      <c r="F125" s="92">
        <v>8.3686384836117785E-3</v>
      </c>
      <c r="G125" s="137">
        <v>0.38310947720462957</v>
      </c>
      <c r="H125" s="92">
        <v>9.6164800316819662E-3</v>
      </c>
      <c r="I125" s="137">
        <v>9.2126739032861969E-3</v>
      </c>
      <c r="J125" s="92">
        <v>1.9092445910410185E-3</v>
      </c>
      <c r="K125" s="136">
        <v>10160</v>
      </c>
      <c r="L125" s="137">
        <v>0.3955655587075626</v>
      </c>
      <c r="M125" s="92">
        <v>9.700392325624042E-3</v>
      </c>
      <c r="N125" s="137">
        <v>0.24201743914323703</v>
      </c>
      <c r="O125" s="92">
        <v>8.4979191117963739E-3</v>
      </c>
      <c r="P125" s="137">
        <v>0.30657256229566193</v>
      </c>
      <c r="Q125" s="92">
        <v>9.1473414897307644E-3</v>
      </c>
      <c r="R125" s="137">
        <v>5.5844439853537209E-2</v>
      </c>
      <c r="S125" s="92">
        <v>4.5619217166565718E-3</v>
      </c>
      <c r="T125" s="136">
        <v>10190</v>
      </c>
      <c r="U125" s="137">
        <v>0.59206716223797629</v>
      </c>
      <c r="V125" s="92">
        <v>9.7351686821155105E-3</v>
      </c>
      <c r="W125" s="137">
        <v>0.16742939549663968</v>
      </c>
      <c r="X125" s="92">
        <v>7.3980832736661069E-3</v>
      </c>
      <c r="Y125" s="137">
        <v>0.16741015566277798</v>
      </c>
      <c r="Z125" s="92">
        <v>7.3977441462118208E-3</v>
      </c>
      <c r="AA125" s="137">
        <v>7.3093286602602531E-2</v>
      </c>
      <c r="AB125" s="92">
        <v>5.1614565408424152E-3</v>
      </c>
      <c r="AC125" s="136">
        <v>10170</v>
      </c>
      <c r="AD125" s="137">
        <v>0.36260903263568517</v>
      </c>
      <c r="AE125" s="92">
        <v>9.5327967279677656E-3</v>
      </c>
      <c r="AF125" s="137">
        <v>0.23904894787629591</v>
      </c>
      <c r="AG125" s="92">
        <v>8.458041366186669E-3</v>
      </c>
      <c r="AH125" s="137">
        <v>0.32679779631457401</v>
      </c>
      <c r="AI125" s="92">
        <v>9.3007876747110592E-3</v>
      </c>
      <c r="AJ125" s="137">
        <v>7.154422317344393E-2</v>
      </c>
      <c r="AK125" s="92">
        <v>5.1159147516388311E-3</v>
      </c>
    </row>
    <row r="126" spans="1:37">
      <c r="A126" s="40" t="s">
        <v>352</v>
      </c>
      <c r="B126" s="78">
        <v>3746</v>
      </c>
      <c r="C126" s="93">
        <v>0.3601543210122039</v>
      </c>
      <c r="D126" s="89">
        <v>1.5679621934904357E-2</v>
      </c>
      <c r="E126" s="93">
        <v>0.23894758866633725</v>
      </c>
      <c r="F126" s="89">
        <v>1.393305687139991E-2</v>
      </c>
      <c r="G126" s="93">
        <v>0.383448821239948</v>
      </c>
      <c r="H126" s="89">
        <v>1.5881050741124794E-2</v>
      </c>
      <c r="I126" s="93">
        <v>1.7449269081511242E-2</v>
      </c>
      <c r="J126" s="89">
        <v>4.3378993293283763E-3</v>
      </c>
      <c r="K126" s="78">
        <v>3720</v>
      </c>
      <c r="L126" s="93">
        <v>0.26012095205869695</v>
      </c>
      <c r="M126" s="89">
        <v>1.4382439062372796E-2</v>
      </c>
      <c r="N126" s="93">
        <v>0.22663223172118518</v>
      </c>
      <c r="O126" s="89">
        <v>1.372706617716388E-2</v>
      </c>
      <c r="P126" s="93">
        <v>0.44994208538352093</v>
      </c>
      <c r="Q126" s="89">
        <v>1.6304684417490233E-2</v>
      </c>
      <c r="R126" s="93">
        <v>6.3304730836596809E-2</v>
      </c>
      <c r="S126" s="89">
        <v>8.0082325271413016E-3</v>
      </c>
      <c r="T126" s="78">
        <v>3732</v>
      </c>
      <c r="U126" s="93">
        <v>0.41453265323534544</v>
      </c>
      <c r="V126" s="89">
        <v>1.6120231012975293E-2</v>
      </c>
      <c r="W126" s="93">
        <v>0.22019699033329698</v>
      </c>
      <c r="X126" s="89">
        <v>1.3565521463450985E-2</v>
      </c>
      <c r="Y126" s="93">
        <v>0.25185124156421401</v>
      </c>
      <c r="Z126" s="89">
        <v>1.4208375148641556E-2</v>
      </c>
      <c r="AA126" s="93">
        <v>0.11341911486714538</v>
      </c>
      <c r="AB126" s="89">
        <v>1.0392462377978003E-2</v>
      </c>
      <c r="AC126" s="78">
        <v>3732</v>
      </c>
      <c r="AD126" s="93">
        <v>0.26746387235264757</v>
      </c>
      <c r="AE126" s="89">
        <v>1.4487780994636582E-2</v>
      </c>
      <c r="AF126" s="93">
        <v>0.26037804122388397</v>
      </c>
      <c r="AG126" s="89">
        <v>1.4363892813970059E-2</v>
      </c>
      <c r="AH126" s="93">
        <v>0.39805165194453163</v>
      </c>
      <c r="AI126" s="89">
        <v>1.6017548534641241E-2</v>
      </c>
      <c r="AJ126" s="93">
        <v>7.4106434478937069E-2</v>
      </c>
      <c r="AK126" s="89">
        <v>8.5952820793282168E-3</v>
      </c>
    </row>
    <row r="127" spans="1:37">
      <c r="A127" s="44" t="s">
        <v>534</v>
      </c>
      <c r="B127" s="136">
        <v>3214</v>
      </c>
      <c r="C127" s="137">
        <v>0.35755993357193683</v>
      </c>
      <c r="D127" s="92">
        <v>1.6899558334281379E-2</v>
      </c>
      <c r="E127" s="137">
        <v>0.23090725427257483</v>
      </c>
      <c r="F127" s="92">
        <v>1.4865002508026566E-2</v>
      </c>
      <c r="G127" s="137">
        <v>0.39255226444496827</v>
      </c>
      <c r="H127" s="92">
        <v>1.7217349546242041E-2</v>
      </c>
      <c r="I127" s="137">
        <v>1.8980547710514793E-2</v>
      </c>
      <c r="J127" s="92">
        <v>4.8846409795574482E-3</v>
      </c>
      <c r="K127" s="136">
        <v>3192</v>
      </c>
      <c r="L127" s="137">
        <v>0.30122731804530312</v>
      </c>
      <c r="M127" s="92">
        <v>1.6234678310305679E-2</v>
      </c>
      <c r="N127" s="137">
        <v>0.23538257181741196</v>
      </c>
      <c r="O127" s="92">
        <v>1.5015752349145345E-2</v>
      </c>
      <c r="P127" s="137">
        <v>0.39921211661305023</v>
      </c>
      <c r="Q127" s="92">
        <v>1.7326548387054049E-2</v>
      </c>
      <c r="R127" s="137">
        <v>6.4177993524230065E-2</v>
      </c>
      <c r="S127" s="92">
        <v>8.7041721403785122E-3</v>
      </c>
      <c r="T127" s="136">
        <v>3202</v>
      </c>
      <c r="U127" s="137">
        <v>0.47404612503080912</v>
      </c>
      <c r="V127" s="92">
        <v>1.7637370160532059E-2</v>
      </c>
      <c r="W127" s="137">
        <v>0.20362595649853127</v>
      </c>
      <c r="X127" s="92">
        <v>1.4233656290400767E-2</v>
      </c>
      <c r="Y127" s="137">
        <v>0.19991589613216043</v>
      </c>
      <c r="Z127" s="92">
        <v>1.4136580691134663E-2</v>
      </c>
      <c r="AA127" s="137">
        <v>0.12241202233849491</v>
      </c>
      <c r="AB127" s="92">
        <v>1.1596397456820314E-2</v>
      </c>
      <c r="AC127" s="136">
        <v>3198</v>
      </c>
      <c r="AD127" s="137">
        <v>0.26841508511657769</v>
      </c>
      <c r="AE127" s="92">
        <v>1.5667625914520009E-2</v>
      </c>
      <c r="AF127" s="137">
        <v>0.25976440616347068</v>
      </c>
      <c r="AG127" s="92">
        <v>1.5504465803874856E-2</v>
      </c>
      <c r="AH127" s="137">
        <v>0.39379225236778864</v>
      </c>
      <c r="AI127" s="92">
        <v>1.7269878220217586E-2</v>
      </c>
      <c r="AJ127" s="137">
        <v>7.8028256352159306E-2</v>
      </c>
      <c r="AK127" s="92">
        <v>9.5091554572677896E-3</v>
      </c>
    </row>
    <row r="128" spans="1:37">
      <c r="A128" s="40" t="s">
        <v>535</v>
      </c>
      <c r="B128" s="78">
        <v>2520</v>
      </c>
      <c r="C128" s="93">
        <v>0.32543278304199569</v>
      </c>
      <c r="D128" s="89">
        <v>1.8656236189173673E-2</v>
      </c>
      <c r="E128" s="93">
        <v>0.23858809719401708</v>
      </c>
      <c r="F128" s="89">
        <v>1.6977669770667215E-2</v>
      </c>
      <c r="G128" s="93">
        <v>0.42570147092347155</v>
      </c>
      <c r="H128" s="89">
        <v>1.9684404262620813E-2</v>
      </c>
      <c r="I128" s="93">
        <v>1.0277648840519682E-2</v>
      </c>
      <c r="J128" s="89">
        <v>4.1622346558727857E-3</v>
      </c>
      <c r="K128" s="78">
        <v>2502</v>
      </c>
      <c r="L128" s="93">
        <v>0.34961839382287785</v>
      </c>
      <c r="M128" s="89">
        <v>1.9054150936678452E-2</v>
      </c>
      <c r="N128" s="93">
        <v>0.2742750049074838</v>
      </c>
      <c r="O128" s="89">
        <v>1.7831827320008303E-2</v>
      </c>
      <c r="P128" s="93">
        <v>0.30141278636387075</v>
      </c>
      <c r="Q128" s="89">
        <v>1.833835199767532E-2</v>
      </c>
      <c r="R128" s="93">
        <v>7.4693814905771261E-2</v>
      </c>
      <c r="S128" s="89">
        <v>1.0547020497322295E-2</v>
      </c>
      <c r="T128" s="78">
        <v>2510</v>
      </c>
      <c r="U128" s="93">
        <v>0.57049345609669078</v>
      </c>
      <c r="V128" s="89">
        <v>1.9745656939088089E-2</v>
      </c>
      <c r="W128" s="93">
        <v>0.17129281235207977</v>
      </c>
      <c r="X128" s="89">
        <v>1.5046739207027137E-2</v>
      </c>
      <c r="Y128" s="93">
        <v>0.14112548529000912</v>
      </c>
      <c r="Z128" s="89">
        <v>1.391064749637407E-2</v>
      </c>
      <c r="AA128" s="93">
        <v>0.11708824626122251</v>
      </c>
      <c r="AB128" s="89">
        <v>1.2854042225120075E-2</v>
      </c>
      <c r="AC128" s="78">
        <v>2509</v>
      </c>
      <c r="AD128" s="93">
        <v>0.33843839136799042</v>
      </c>
      <c r="AE128" s="89">
        <v>1.8881618568035136E-2</v>
      </c>
      <c r="AF128" s="93">
        <v>0.23649249119862772</v>
      </c>
      <c r="AG128" s="89">
        <v>1.6963464088890576E-2</v>
      </c>
      <c r="AH128" s="93">
        <v>0.33924102874307699</v>
      </c>
      <c r="AI128" s="89">
        <v>1.8892485253414339E-2</v>
      </c>
      <c r="AJ128" s="93">
        <v>8.5828088690308474E-2</v>
      </c>
      <c r="AK128" s="89">
        <v>1.1214174166763794E-2</v>
      </c>
    </row>
    <row r="129" spans="1:37">
      <c r="A129" s="44" t="s">
        <v>536</v>
      </c>
      <c r="B129" s="136">
        <v>367</v>
      </c>
      <c r="C129" s="137">
        <v>0.3181311917059147</v>
      </c>
      <c r="D129" s="92">
        <v>4.8440156920375871E-2</v>
      </c>
      <c r="E129" s="137">
        <v>0.23227414781403627</v>
      </c>
      <c r="F129" s="92">
        <v>4.4036267157706067E-2</v>
      </c>
      <c r="G129" s="137">
        <v>0.44933749766584258</v>
      </c>
      <c r="H129" s="92">
        <v>5.1655959010026828E-2</v>
      </c>
      <c r="I129" s="137">
        <v>2.5716281420643238E-4</v>
      </c>
      <c r="J129" s="92">
        <v>7.7795482619348278E-3</v>
      </c>
      <c r="K129" s="136">
        <v>364</v>
      </c>
      <c r="L129" s="137">
        <v>0.41838400852207036</v>
      </c>
      <c r="M129" s="92">
        <v>5.1444656943558653E-2</v>
      </c>
      <c r="N129" s="137">
        <v>0.32106975915227992</v>
      </c>
      <c r="O129" s="92">
        <v>4.8753616027950197E-2</v>
      </c>
      <c r="P129" s="137">
        <v>0.20252283588206668</v>
      </c>
      <c r="Q129" s="92">
        <v>4.2146307692376039E-2</v>
      </c>
      <c r="R129" s="137">
        <v>5.8023396443583265E-2</v>
      </c>
      <c r="S129" s="92">
        <v>2.5298263487785775E-2</v>
      </c>
      <c r="T129" s="136">
        <v>367</v>
      </c>
      <c r="U129" s="137">
        <v>0.6651199527982895</v>
      </c>
      <c r="V129" s="92">
        <v>4.9068975898904167E-2</v>
      </c>
      <c r="W129" s="137">
        <v>0.14661802014966027</v>
      </c>
      <c r="X129" s="92">
        <v>3.7119965010723878E-2</v>
      </c>
      <c r="Y129" s="137">
        <v>0.10793021293065964</v>
      </c>
      <c r="Z129" s="92">
        <v>3.2766115963580013E-2</v>
      </c>
      <c r="AA129" s="137">
        <v>8.0331814121390441E-2</v>
      </c>
      <c r="AB129" s="92">
        <v>2.8935453099195964E-2</v>
      </c>
      <c r="AC129" s="136">
        <v>367</v>
      </c>
      <c r="AD129" s="137">
        <v>0.39214717055338305</v>
      </c>
      <c r="AE129" s="92">
        <v>5.0721717897589287E-2</v>
      </c>
      <c r="AF129" s="137">
        <v>0.24819690589380919</v>
      </c>
      <c r="AG129" s="92">
        <v>4.5016325365972318E-2</v>
      </c>
      <c r="AH129" s="137">
        <v>0.3050957080387639</v>
      </c>
      <c r="AI129" s="92">
        <v>4.7902308778615801E-2</v>
      </c>
      <c r="AJ129" s="137">
        <v>5.4560215514044365E-2</v>
      </c>
      <c r="AK129" s="92">
        <v>2.4536426229494816E-2</v>
      </c>
    </row>
    <row r="130" spans="1:37">
      <c r="A130" s="40" t="s">
        <v>537</v>
      </c>
      <c r="B130" s="78">
        <v>86</v>
      </c>
      <c r="C130" s="93">
        <v>0.37979242033341692</v>
      </c>
      <c r="D130" s="89">
        <v>0.10259002053468007</v>
      </c>
      <c r="E130" s="93">
        <v>0.23162338955565867</v>
      </c>
      <c r="F130" s="89">
        <v>9.0488558622318679E-2</v>
      </c>
      <c r="G130" s="93">
        <v>0.3885841901109251</v>
      </c>
      <c r="H130" s="89">
        <v>0.10299199915656101</v>
      </c>
      <c r="I130" s="93">
        <v>0</v>
      </c>
      <c r="J130" s="89">
        <v>3.1075817723560044E-2</v>
      </c>
      <c r="K130" s="78">
        <v>86</v>
      </c>
      <c r="L130" s="93">
        <v>0.37518905384863627</v>
      </c>
      <c r="M130" s="89">
        <v>0.10236669329899961</v>
      </c>
      <c r="N130" s="93">
        <v>0.29841309373909958</v>
      </c>
      <c r="O130" s="89">
        <v>9.7272732456026009E-2</v>
      </c>
      <c r="P130" s="93">
        <v>0.26292546003239037</v>
      </c>
      <c r="Q130" s="89">
        <v>9.3969399912182131E-2</v>
      </c>
      <c r="R130" s="93">
        <v>6.3472392379874357E-2</v>
      </c>
      <c r="S130" s="89">
        <v>5.8120787099972752E-2</v>
      </c>
      <c r="T130" s="78">
        <v>85</v>
      </c>
      <c r="U130" s="93">
        <v>0.57715336724729671</v>
      </c>
      <c r="V130" s="89">
        <v>0.10484239704461119</v>
      </c>
      <c r="W130" s="93">
        <v>0.14533353534987162</v>
      </c>
      <c r="X130" s="89">
        <v>7.7969866475552929E-2</v>
      </c>
      <c r="Y130" s="93">
        <v>0.15371669484466483</v>
      </c>
      <c r="Z130" s="89">
        <v>7.9499635961955264E-2</v>
      </c>
      <c r="AA130" s="93">
        <v>0.12379640255816744</v>
      </c>
      <c r="AB130" s="89">
        <v>7.3715728797126748E-2</v>
      </c>
      <c r="AC130" s="78">
        <v>85</v>
      </c>
      <c r="AD130" s="93">
        <v>0.30437027336935535</v>
      </c>
      <c r="AE130" s="89">
        <v>9.8321141707086543E-2</v>
      </c>
      <c r="AF130" s="93">
        <v>0.2932670023478664</v>
      </c>
      <c r="AG130" s="89">
        <v>9.7385323846197414E-2</v>
      </c>
      <c r="AH130" s="93">
        <v>0.37274068310144381</v>
      </c>
      <c r="AI130" s="89">
        <v>0.10282046701689258</v>
      </c>
      <c r="AJ130" s="93">
        <v>2.9622041181335001E-2</v>
      </c>
      <c r="AK130" s="89">
        <v>4.653657720299078E-2</v>
      </c>
    </row>
    <row r="131" spans="1:37">
      <c r="A131" s="44" t="s">
        <v>538</v>
      </c>
      <c r="B131" s="136">
        <v>64</v>
      </c>
      <c r="C131" s="137">
        <v>0.28976466724647354</v>
      </c>
      <c r="D131" s="92">
        <v>0.11136797446642661</v>
      </c>
      <c r="E131" s="137">
        <v>0.24862736339440242</v>
      </c>
      <c r="F131" s="92">
        <v>0.10683331145942816</v>
      </c>
      <c r="G131" s="137">
        <v>0.46160796935912352</v>
      </c>
      <c r="H131" s="92">
        <v>0.12095073315590094</v>
      </c>
      <c r="I131" s="137">
        <v>0</v>
      </c>
      <c r="J131" s="92">
        <v>4.097826741289623E-2</v>
      </c>
      <c r="K131" s="136">
        <v>63</v>
      </c>
      <c r="L131" s="137">
        <v>0.47020612058645861</v>
      </c>
      <c r="M131" s="92">
        <v>0.12197752470037238</v>
      </c>
      <c r="N131" s="137">
        <v>0.26716584499989693</v>
      </c>
      <c r="O131" s="92">
        <v>0.10983517504663291</v>
      </c>
      <c r="P131" s="137">
        <v>0.17793704538610725</v>
      </c>
      <c r="Q131" s="92">
        <v>9.721211510590784E-2</v>
      </c>
      <c r="R131" s="137">
        <v>8.4690989027536717E-2</v>
      </c>
      <c r="S131" s="92">
        <v>7.6294194802236495E-2</v>
      </c>
      <c r="T131" s="136">
        <v>65</v>
      </c>
      <c r="U131" s="137">
        <v>0.69297232134549669</v>
      </c>
      <c r="V131" s="92">
        <v>0.11214742488764344</v>
      </c>
      <c r="W131" s="137">
        <v>8.3488337675859725E-2</v>
      </c>
      <c r="X131" s="92">
        <v>7.4619372692052446E-2</v>
      </c>
      <c r="Y131" s="137">
        <v>5.6250444079461941E-2</v>
      </c>
      <c r="Z131" s="92">
        <v>6.6050111063292116E-2</v>
      </c>
      <c r="AA131" s="137">
        <v>0.16728889689918114</v>
      </c>
      <c r="AB131" s="92">
        <v>9.3797718774735861E-2</v>
      </c>
      <c r="AC131" s="136">
        <v>65</v>
      </c>
      <c r="AD131" s="137">
        <v>0.46714052464416139</v>
      </c>
      <c r="AE131" s="92">
        <v>0.12015492754649144</v>
      </c>
      <c r="AF131" s="137">
        <v>0.18501845035137304</v>
      </c>
      <c r="AG131" s="92">
        <v>9.6895641837761989E-2</v>
      </c>
      <c r="AH131" s="137">
        <v>0.25051992041461474</v>
      </c>
      <c r="AI131" s="92">
        <v>0.10625830996868454</v>
      </c>
      <c r="AJ131" s="137">
        <v>9.7321104589850244E-2</v>
      </c>
      <c r="AK131" s="92">
        <v>7.842833435778121E-2</v>
      </c>
    </row>
    <row r="132" spans="1:37">
      <c r="A132" s="40" t="s">
        <v>539</v>
      </c>
      <c r="B132" s="78">
        <v>64</v>
      </c>
      <c r="C132" s="93">
        <v>0.2754201437054779</v>
      </c>
      <c r="D132" s="89">
        <v>0.10989915937873281</v>
      </c>
      <c r="E132" s="93">
        <v>0.20471894751736078</v>
      </c>
      <c r="F132" s="89">
        <v>0.1008100001939861</v>
      </c>
      <c r="G132" s="93">
        <v>0.51986090877716118</v>
      </c>
      <c r="H132" s="89">
        <v>0.12118303753282128</v>
      </c>
      <c r="I132" s="93">
        <v>0</v>
      </c>
      <c r="J132" s="89">
        <v>4.097826741289623E-2</v>
      </c>
      <c r="K132" s="78">
        <v>64</v>
      </c>
      <c r="L132" s="93">
        <v>0.52631583592744879</v>
      </c>
      <c r="M132" s="89">
        <v>0.12111893858454272</v>
      </c>
      <c r="N132" s="93">
        <v>0.3380413009051933</v>
      </c>
      <c r="O132" s="89">
        <v>0.1154949888688567</v>
      </c>
      <c r="P132" s="93">
        <v>0.10327383706170258</v>
      </c>
      <c r="Q132" s="89">
        <v>8.065190576989599E-2</v>
      </c>
      <c r="R132" s="93">
        <v>3.2369026105655403E-2</v>
      </c>
      <c r="S132" s="89">
        <v>5.7543593501803894E-2</v>
      </c>
      <c r="T132" s="78">
        <v>63</v>
      </c>
      <c r="U132" s="93">
        <v>0.76129463334803138</v>
      </c>
      <c r="V132" s="89">
        <v>0.10640221906118306</v>
      </c>
      <c r="W132" s="93">
        <v>0.18590799602937672</v>
      </c>
      <c r="X132" s="89">
        <v>9.8579202534507235E-2</v>
      </c>
      <c r="Y132" s="93">
        <v>5.2021409910494372E-2</v>
      </c>
      <c r="Z132" s="89">
        <v>6.581849966197087E-2</v>
      </c>
      <c r="AA132" s="93">
        <v>7.7596071209762156E-4</v>
      </c>
      <c r="AB132" s="89">
        <v>4.2069751084298272E-2</v>
      </c>
      <c r="AC132" s="78">
        <v>64</v>
      </c>
      <c r="AD132" s="93">
        <v>0.45437804937117521</v>
      </c>
      <c r="AE132" s="89">
        <v>0.12081982254510681</v>
      </c>
      <c r="AF132" s="93">
        <v>0.30451387416721171</v>
      </c>
      <c r="AG132" s="89">
        <v>0.11275919297024281</v>
      </c>
      <c r="AH132" s="93">
        <v>0.18625509446574059</v>
      </c>
      <c r="AI132" s="89">
        <v>9.7860710077664115E-2</v>
      </c>
      <c r="AJ132" s="93">
        <v>5.4852981995872394E-2</v>
      </c>
      <c r="AK132" s="89">
        <v>6.6186424295145943E-2</v>
      </c>
    </row>
    <row r="133" spans="1:37">
      <c r="A133" s="44" t="s">
        <v>540</v>
      </c>
      <c r="B133" s="136">
        <v>76</v>
      </c>
      <c r="C133" s="137">
        <v>0.29953959039290096</v>
      </c>
      <c r="D133" s="92">
        <v>0.10337639982669862</v>
      </c>
      <c r="E133" s="137">
        <v>0.31082434307806822</v>
      </c>
      <c r="F133" s="92">
        <v>0.10433164552819303</v>
      </c>
      <c r="G133" s="137">
        <v>0.38811902516913555</v>
      </c>
      <c r="H133" s="92">
        <v>0.10924813255669022</v>
      </c>
      <c r="I133" s="137">
        <v>1.5170413598945278E-3</v>
      </c>
      <c r="J133" s="92">
        <v>3.5876212732623917E-2</v>
      </c>
      <c r="K133" s="136">
        <v>75</v>
      </c>
      <c r="L133" s="137">
        <v>0.37631124360434415</v>
      </c>
      <c r="M133" s="92">
        <v>0.10936204567114223</v>
      </c>
      <c r="N133" s="137">
        <v>0.3530193861600191</v>
      </c>
      <c r="O133" s="92">
        <v>0.10803866888300316</v>
      </c>
      <c r="P133" s="137">
        <v>0.1846934187132937</v>
      </c>
      <c r="Q133" s="92">
        <v>9.011794015534913E-2</v>
      </c>
      <c r="R133" s="137">
        <v>8.5975951522342248E-2</v>
      </c>
      <c r="S133" s="92">
        <v>6.9538516116041088E-2</v>
      </c>
      <c r="T133" s="136">
        <v>77</v>
      </c>
      <c r="U133" s="137">
        <v>0.68781765670213502</v>
      </c>
      <c r="V133" s="92">
        <v>0.10378574807811158</v>
      </c>
      <c r="W133" s="137">
        <v>0.15794071674149474</v>
      </c>
      <c r="X133" s="92">
        <v>8.4405288738991502E-2</v>
      </c>
      <c r="Y133" s="137">
        <v>7.3504156988493954E-2</v>
      </c>
      <c r="Z133" s="92">
        <v>6.5025355832201648E-2</v>
      </c>
      <c r="AA133" s="137">
        <v>8.0737469567875766E-2</v>
      </c>
      <c r="AB133" s="92">
        <v>6.7091739250605034E-2</v>
      </c>
      <c r="AC133" s="136">
        <v>76</v>
      </c>
      <c r="AD133" s="137">
        <v>0.30299829076783968</v>
      </c>
      <c r="AE133" s="92">
        <v>0.10367600245959661</v>
      </c>
      <c r="AF133" s="137">
        <v>0.27844024610644758</v>
      </c>
      <c r="AG133" s="92">
        <v>0.10141435453075719</v>
      </c>
      <c r="AH133" s="137">
        <v>0.32402139372223376</v>
      </c>
      <c r="AI133" s="92">
        <v>0.10536862814533859</v>
      </c>
      <c r="AJ133" s="137">
        <v>9.4540069403478255E-2</v>
      </c>
      <c r="AK133" s="92">
        <v>7.1285000464438197E-2</v>
      </c>
    </row>
    <row r="134" spans="1:37">
      <c r="A134" s="40" t="s">
        <v>541</v>
      </c>
      <c r="B134" s="134">
        <v>77</v>
      </c>
      <c r="C134" s="135">
        <v>0.33475317280882011</v>
      </c>
      <c r="D134" s="89">
        <v>0.10548508399501071</v>
      </c>
      <c r="E134" s="135">
        <v>0.18427157580260267</v>
      </c>
      <c r="F134" s="89">
        <v>8.8866064573345158E-2</v>
      </c>
      <c r="G134" s="135">
        <v>0.480975251388578</v>
      </c>
      <c r="H134" s="89">
        <v>0.11103840366841568</v>
      </c>
      <c r="I134" s="135">
        <v>0</v>
      </c>
      <c r="J134" s="89">
        <v>3.4485061975244265E-2</v>
      </c>
      <c r="K134" s="134">
        <v>76</v>
      </c>
      <c r="L134" s="135">
        <v>0.34235528535566667</v>
      </c>
      <c r="M134" s="89">
        <v>0.10667033324924456</v>
      </c>
      <c r="N134" s="135">
        <v>0.34823686402969889</v>
      </c>
      <c r="O134" s="89">
        <v>0.10705455977696958</v>
      </c>
      <c r="P134" s="135">
        <v>0.2763217816067659</v>
      </c>
      <c r="Q134" s="89">
        <v>0.10120429074187685</v>
      </c>
      <c r="R134" s="135">
        <v>3.3086069007869347E-2</v>
      </c>
      <c r="S134" s="89">
        <v>5.1598072344585688E-2</v>
      </c>
      <c r="T134" s="134">
        <v>77</v>
      </c>
      <c r="U134" s="135">
        <v>0.61727364356209802</v>
      </c>
      <c r="V134" s="89">
        <v>0.10831405756174713</v>
      </c>
      <c r="W134" s="135">
        <v>0.15236938880398346</v>
      </c>
      <c r="X134" s="89">
        <v>8.3383322637991669E-2</v>
      </c>
      <c r="Y134" s="135">
        <v>0.18912718748233981</v>
      </c>
      <c r="Z134" s="89">
        <v>8.9626742581138688E-2</v>
      </c>
      <c r="AA134" s="135">
        <v>4.1229780151579708E-2</v>
      </c>
      <c r="AB134" s="89">
        <v>5.4344031527063276E-2</v>
      </c>
      <c r="AC134" s="134">
        <v>77</v>
      </c>
      <c r="AD134" s="135">
        <v>0.42988146195621352</v>
      </c>
      <c r="AE134" s="89">
        <v>0.11011934979151829</v>
      </c>
      <c r="AF134" s="135">
        <v>0.17170052228222313</v>
      </c>
      <c r="AG134" s="89">
        <v>8.680945670659107E-2</v>
      </c>
      <c r="AH134" s="135">
        <v>0.38619169212903059</v>
      </c>
      <c r="AI134" s="89">
        <v>0.10847889375083893</v>
      </c>
      <c r="AJ134" s="135">
        <v>1.2226323632533665E-2</v>
      </c>
      <c r="AK134" s="89">
        <v>4.1571127410077242E-2</v>
      </c>
    </row>
    <row r="135" spans="1:37">
      <c r="A135" s="44" t="s">
        <v>542</v>
      </c>
      <c r="B135" s="136">
        <v>608</v>
      </c>
      <c r="C135" s="137">
        <v>0.33225391170421981</v>
      </c>
      <c r="D135" s="92">
        <v>3.8111281383703517E-2</v>
      </c>
      <c r="E135" s="137">
        <v>0.19806217541487958</v>
      </c>
      <c r="F135" s="92">
        <v>3.2340243235784327E-2</v>
      </c>
      <c r="G135" s="137">
        <v>0.46116037703872048</v>
      </c>
      <c r="H135" s="92">
        <v>4.030205710168272E-2</v>
      </c>
      <c r="I135" s="137">
        <v>8.5235358421740775E-3</v>
      </c>
      <c r="J135" s="92">
        <v>8.7065715188584681E-3</v>
      </c>
      <c r="K135" s="136">
        <v>604</v>
      </c>
      <c r="L135" s="137">
        <v>0.38200381331803462</v>
      </c>
      <c r="M135" s="92">
        <v>3.9425103543101699E-2</v>
      </c>
      <c r="N135" s="137">
        <v>0.27685415836205995</v>
      </c>
      <c r="O135" s="92">
        <v>3.6351623726943665E-2</v>
      </c>
      <c r="P135" s="137">
        <v>0.27988081434565193</v>
      </c>
      <c r="Q135" s="92">
        <v>3.6471237701015041E-2</v>
      </c>
      <c r="R135" s="137">
        <v>6.1261213974248975E-2</v>
      </c>
      <c r="S135" s="92">
        <v>1.9873403928782649E-2</v>
      </c>
      <c r="T135" s="136">
        <v>606</v>
      </c>
      <c r="U135" s="137">
        <v>0.60029164227243503</v>
      </c>
      <c r="V135" s="92">
        <v>3.9676814686271045E-2</v>
      </c>
      <c r="W135" s="137">
        <v>0.1875265200363043</v>
      </c>
      <c r="X135" s="92">
        <v>3.1740406706499948E-2</v>
      </c>
      <c r="Y135" s="137">
        <v>0.14145911981822379</v>
      </c>
      <c r="Z135" s="92">
        <v>2.8414823164540748E-2</v>
      </c>
      <c r="AA135" s="137">
        <v>7.0722717873031804E-2</v>
      </c>
      <c r="AB135" s="92">
        <v>2.1136537361627745E-2</v>
      </c>
      <c r="AC135" s="136">
        <v>608</v>
      </c>
      <c r="AD135" s="137">
        <v>0.36681087170430443</v>
      </c>
      <c r="AE135" s="92">
        <v>3.8981459071207182E-2</v>
      </c>
      <c r="AF135" s="137">
        <v>0.25275410774842372</v>
      </c>
      <c r="AG135" s="92">
        <v>3.520861722960781E-2</v>
      </c>
      <c r="AH135" s="137">
        <v>0.31063551417883767</v>
      </c>
      <c r="AI135" s="92">
        <v>3.7452218235717982E-2</v>
      </c>
      <c r="AJ135" s="137">
        <v>6.9799506368429243E-2</v>
      </c>
      <c r="AK135" s="92">
        <v>2.097911771341459E-2</v>
      </c>
    </row>
    <row r="136" spans="1:37">
      <c r="A136" s="40" t="s">
        <v>543</v>
      </c>
      <c r="B136" s="78">
        <v>59</v>
      </c>
      <c r="C136" s="93">
        <v>0.35368673978907539</v>
      </c>
      <c r="D136" s="89">
        <v>0.1211648627335954</v>
      </c>
      <c r="E136" s="93">
        <v>0.16322627484594665</v>
      </c>
      <c r="F136" s="89">
        <v>9.7761728178715188E-2</v>
      </c>
      <c r="G136" s="93">
        <v>0.48308698536497863</v>
      </c>
      <c r="H136" s="89">
        <v>0.1259249261396353</v>
      </c>
      <c r="I136" s="93">
        <v>0</v>
      </c>
      <c r="J136" s="89">
        <v>4.4177291598495712E-2</v>
      </c>
      <c r="K136" s="78">
        <v>56</v>
      </c>
      <c r="L136" s="93">
        <v>0.36116070587286031</v>
      </c>
      <c r="M136" s="89">
        <v>0.12468845380580788</v>
      </c>
      <c r="N136" s="93">
        <v>0.24049699483827525</v>
      </c>
      <c r="O136" s="89">
        <v>0.11294181432297572</v>
      </c>
      <c r="P136" s="93">
        <v>0.25730408975406005</v>
      </c>
      <c r="Q136" s="89">
        <v>0.11509138945091431</v>
      </c>
      <c r="R136" s="93">
        <v>0.14103820953480503</v>
      </c>
      <c r="S136" s="89">
        <v>9.5831180057370721E-2</v>
      </c>
      <c r="T136" s="78">
        <v>58</v>
      </c>
      <c r="U136" s="93">
        <v>0.77146040454723686</v>
      </c>
      <c r="V136" s="89">
        <v>0.10940042091748824</v>
      </c>
      <c r="W136" s="93">
        <v>4.0792184066899335E-2</v>
      </c>
      <c r="X136" s="89">
        <v>6.498621708275594E-2</v>
      </c>
      <c r="Y136" s="93">
        <v>0.10882508849151705</v>
      </c>
      <c r="Z136" s="89">
        <v>8.6542740352297254E-2</v>
      </c>
      <c r="AA136" s="93">
        <v>7.8922322894346864E-2</v>
      </c>
      <c r="AB136" s="89">
        <v>7.8219636328628273E-2</v>
      </c>
      <c r="AC136" s="78">
        <v>59</v>
      </c>
      <c r="AD136" s="93">
        <v>0.24813180538164206</v>
      </c>
      <c r="AE136" s="89">
        <v>0.11108762362346007</v>
      </c>
      <c r="AF136" s="93">
        <v>0.22560604958465039</v>
      </c>
      <c r="AG136" s="89">
        <v>0.10807561535855227</v>
      </c>
      <c r="AH136" s="93">
        <v>0.45889249722469344</v>
      </c>
      <c r="AI136" s="89">
        <v>0.12561415911840626</v>
      </c>
      <c r="AJ136" s="93">
        <v>6.7369647809014707E-2</v>
      </c>
      <c r="AK136" s="89">
        <v>7.3826888691902653E-2</v>
      </c>
    </row>
    <row r="137" spans="1:37">
      <c r="A137" s="44" t="s">
        <v>550</v>
      </c>
      <c r="B137" s="136">
        <v>108</v>
      </c>
      <c r="C137" s="137">
        <v>0.35270648738402549</v>
      </c>
      <c r="D137" s="92">
        <v>9.0598529312924253E-2</v>
      </c>
      <c r="E137" s="137">
        <v>0.24730946167827728</v>
      </c>
      <c r="F137" s="92">
        <v>8.2511241822116027E-2</v>
      </c>
      <c r="G137" s="137">
        <v>0.37933927855535932</v>
      </c>
      <c r="H137" s="92">
        <v>9.1897137643765017E-2</v>
      </c>
      <c r="I137" s="137">
        <v>2.0644772382337636E-2</v>
      </c>
      <c r="J137" s="92">
        <v>3.6025009557060408E-2</v>
      </c>
      <c r="K137" s="136">
        <v>108</v>
      </c>
      <c r="L137" s="137">
        <v>0.45344364075753468</v>
      </c>
      <c r="M137" s="92">
        <v>9.4109465478557752E-2</v>
      </c>
      <c r="N137" s="137">
        <v>0.23780558544377528</v>
      </c>
      <c r="O137" s="92">
        <v>8.1520555050453455E-2</v>
      </c>
      <c r="P137" s="137">
        <v>0.20473753310679788</v>
      </c>
      <c r="Q137" s="92">
        <v>7.7675150975765661E-2</v>
      </c>
      <c r="R137" s="137">
        <v>0.10401324069189212</v>
      </c>
      <c r="S137" s="92">
        <v>6.1002012040847167E-2</v>
      </c>
      <c r="T137" s="136">
        <v>108</v>
      </c>
      <c r="U137" s="137">
        <v>0.61335452504182841</v>
      </c>
      <c r="V137" s="92">
        <v>9.2205547896020534E-2</v>
      </c>
      <c r="W137" s="137">
        <v>0.17497560495840125</v>
      </c>
      <c r="X137" s="92">
        <v>7.3623116556767704E-2</v>
      </c>
      <c r="Y137" s="137">
        <v>7.6529632462630698E-2</v>
      </c>
      <c r="Z137" s="92">
        <v>5.452823531503756E-2</v>
      </c>
      <c r="AA137" s="137">
        <v>0.13514023753713972</v>
      </c>
      <c r="AB137" s="92">
        <v>6.7139597345834384E-2</v>
      </c>
      <c r="AC137" s="136">
        <v>108</v>
      </c>
      <c r="AD137" s="137">
        <v>0.40394451634202205</v>
      </c>
      <c r="AE137" s="92">
        <v>9.2855614150284413E-2</v>
      </c>
      <c r="AF137" s="137">
        <v>0.18328667447639296</v>
      </c>
      <c r="AG137" s="92">
        <v>7.4816331233350269E-2</v>
      </c>
      <c r="AH137" s="137">
        <v>0.26565427591342433</v>
      </c>
      <c r="AI137" s="92">
        <v>8.4290048068307227E-2</v>
      </c>
      <c r="AJ137" s="137">
        <v>0.14711453326816051</v>
      </c>
      <c r="AK137" s="92">
        <v>6.9232496107865013E-2</v>
      </c>
    </row>
    <row r="138" spans="1:37">
      <c r="A138" s="52" t="s">
        <v>544</v>
      </c>
      <c r="B138" s="134">
        <v>120</v>
      </c>
      <c r="C138" s="135">
        <v>0.23270790272055389</v>
      </c>
      <c r="D138" s="89">
        <v>7.6851333079861694E-2</v>
      </c>
      <c r="E138" s="135">
        <v>0.13199167852554095</v>
      </c>
      <c r="F138" s="89">
        <v>6.3032602029155338E-2</v>
      </c>
      <c r="G138" s="135">
        <v>0.62787286556451494</v>
      </c>
      <c r="H138" s="89">
        <v>8.7008796130687613E-2</v>
      </c>
      <c r="I138" s="135">
        <v>7.4275531893905388E-3</v>
      </c>
      <c r="J138" s="89">
        <v>2.7103924889389484E-2</v>
      </c>
      <c r="K138" s="134">
        <v>119</v>
      </c>
      <c r="L138" s="135">
        <v>0.42015111982166881</v>
      </c>
      <c r="M138" s="89">
        <v>8.9084248503632182E-2</v>
      </c>
      <c r="N138" s="135">
        <v>0.30828262111364657</v>
      </c>
      <c r="O138" s="89">
        <v>8.3733254382645519E-2</v>
      </c>
      <c r="P138" s="135">
        <v>0.23334196095600357</v>
      </c>
      <c r="Q138" s="89">
        <v>7.72374869253077E-2</v>
      </c>
      <c r="R138" s="135">
        <v>3.8224298108680707E-2</v>
      </c>
      <c r="S138" s="89">
        <v>4.0487576357611153E-2</v>
      </c>
      <c r="T138" s="134">
        <v>120</v>
      </c>
      <c r="U138" s="135">
        <v>0.56120738129354653</v>
      </c>
      <c r="V138" s="89">
        <v>8.9170271640394427E-2</v>
      </c>
      <c r="W138" s="135">
        <v>0.20104301501001817</v>
      </c>
      <c r="X138" s="89">
        <v>7.3242387202883605E-2</v>
      </c>
      <c r="Y138" s="135">
        <v>0.20472535594466756</v>
      </c>
      <c r="Z138" s="89">
        <v>7.369228400109662E-2</v>
      </c>
      <c r="AA138" s="135">
        <v>3.3024247751768022E-2</v>
      </c>
      <c r="AB138" s="89">
        <v>3.8426942711917961E-2</v>
      </c>
      <c r="AC138" s="134">
        <v>119</v>
      </c>
      <c r="AD138" s="135">
        <v>0.42557088909987351</v>
      </c>
      <c r="AE138" s="89">
        <v>8.9226988158289791E-2</v>
      </c>
      <c r="AF138" s="135">
        <v>0.3077572919996277</v>
      </c>
      <c r="AG138" s="89">
        <v>8.3696583338572605E-2</v>
      </c>
      <c r="AH138" s="135">
        <v>0.22243708344466293</v>
      </c>
      <c r="AI138" s="89">
        <v>7.6059061085864299E-2</v>
      </c>
      <c r="AJ138" s="135">
        <v>4.4234735455835665E-2</v>
      </c>
      <c r="AK138" s="89">
        <v>4.2510148086831685E-2</v>
      </c>
    </row>
    <row r="139" spans="1:37">
      <c r="A139" s="44" t="s">
        <v>545</v>
      </c>
      <c r="B139" s="136">
        <v>155</v>
      </c>
      <c r="C139" s="137">
        <v>0.35514131722132342</v>
      </c>
      <c r="D139" s="92">
        <v>7.6076506041292333E-2</v>
      </c>
      <c r="E139" s="137">
        <v>0.20469762485831908</v>
      </c>
      <c r="F139" s="92">
        <v>6.4842123597080151E-2</v>
      </c>
      <c r="G139" s="137">
        <v>0.43981131357840669</v>
      </c>
      <c r="H139" s="92">
        <v>7.8757218279776831E-2</v>
      </c>
      <c r="I139" s="137">
        <v>3.4974434195128503E-4</v>
      </c>
      <c r="J139" s="92">
        <v>1.7911485377230595E-2</v>
      </c>
      <c r="K139" s="136">
        <v>155</v>
      </c>
      <c r="L139" s="137">
        <v>0.31552740817156338</v>
      </c>
      <c r="M139" s="92">
        <v>7.3998220922409472E-2</v>
      </c>
      <c r="N139" s="137">
        <v>0.27588010100718718</v>
      </c>
      <c r="O139" s="92">
        <v>7.1333350343914886E-2</v>
      </c>
      <c r="P139" s="137">
        <v>0.38004531403919745</v>
      </c>
      <c r="Q139" s="92">
        <v>7.7105783393507071E-2</v>
      </c>
      <c r="R139" s="137">
        <v>2.8547176782051969E-2</v>
      </c>
      <c r="S139" s="92">
        <v>3.1232481476912915E-2</v>
      </c>
      <c r="T139" s="136">
        <v>155</v>
      </c>
      <c r="U139" s="137">
        <v>0.54384089553430681</v>
      </c>
      <c r="V139" s="92">
        <v>7.901492018521529E-2</v>
      </c>
      <c r="W139" s="137">
        <v>0.24809093450357186</v>
      </c>
      <c r="X139" s="92">
        <v>6.9081034390743312E-2</v>
      </c>
      <c r="Y139" s="137">
        <v>0.19138611921467644</v>
      </c>
      <c r="Z139" s="92">
        <v>6.3342787458820868E-2</v>
      </c>
      <c r="AA139" s="137">
        <v>1.6682050747445058E-2</v>
      </c>
      <c r="AB139" s="92">
        <v>2.6544937570612409E-2</v>
      </c>
      <c r="AC139" s="136">
        <v>155</v>
      </c>
      <c r="AD139" s="137">
        <v>0.32949509835499413</v>
      </c>
      <c r="AE139" s="92">
        <v>7.4794883873139942E-2</v>
      </c>
      <c r="AF139" s="137">
        <v>0.30299939636139311</v>
      </c>
      <c r="AG139" s="92">
        <v>7.3222134053205948E-2</v>
      </c>
      <c r="AH139" s="137">
        <v>0.3261408162963344</v>
      </c>
      <c r="AI139" s="92">
        <v>7.461004874650938E-2</v>
      </c>
      <c r="AJ139" s="137">
        <v>4.1364688987277923E-2</v>
      </c>
      <c r="AK139" s="92">
        <v>3.5503207485123797E-2</v>
      </c>
    </row>
    <row r="140" spans="1:37">
      <c r="A140" s="52" t="s">
        <v>546</v>
      </c>
      <c r="B140" s="134">
        <v>71</v>
      </c>
      <c r="C140" s="135">
        <v>0.37812913450685265</v>
      </c>
      <c r="D140" s="89">
        <v>0.11235408611828095</v>
      </c>
      <c r="E140" s="135">
        <v>0.24172999249087612</v>
      </c>
      <c r="F140" s="89">
        <v>0.10072322422813357</v>
      </c>
      <c r="G140" s="135">
        <v>0.38014087300227073</v>
      </c>
      <c r="H140" s="89">
        <v>0.11245747559112526</v>
      </c>
      <c r="I140" s="135">
        <v>0</v>
      </c>
      <c r="J140" s="89">
        <v>3.7206132509255738E-2</v>
      </c>
      <c r="K140" s="134">
        <v>71</v>
      </c>
      <c r="L140" s="135">
        <v>0.27755864944254544</v>
      </c>
      <c r="M140" s="89">
        <v>0.104729998288121</v>
      </c>
      <c r="N140" s="135">
        <v>0.33241643587807856</v>
      </c>
      <c r="O140" s="89">
        <v>0.10950348996099386</v>
      </c>
      <c r="P140" s="135">
        <v>0.31348485136348953</v>
      </c>
      <c r="Q140" s="89">
        <v>0.10803057751907075</v>
      </c>
      <c r="R140" s="135">
        <v>7.6540063315886128E-2</v>
      </c>
      <c r="S140" s="89">
        <v>6.9011654390045932E-2</v>
      </c>
      <c r="T140" s="134">
        <v>71</v>
      </c>
      <c r="U140" s="135">
        <v>0.66417847781036232</v>
      </c>
      <c r="V140" s="89">
        <v>0.10974975439250297</v>
      </c>
      <c r="W140" s="135">
        <v>0.15427647221551</v>
      </c>
      <c r="X140" s="89">
        <v>8.7295534299671282E-2</v>
      </c>
      <c r="Y140" s="135">
        <v>0.10524681098482994</v>
      </c>
      <c r="Z140" s="89">
        <v>7.6715420433945122E-2</v>
      </c>
      <c r="AA140" s="135">
        <v>7.6298238989296871E-2</v>
      </c>
      <c r="AB140" s="89">
        <v>6.894067534395619E-2</v>
      </c>
      <c r="AC140" s="134">
        <v>72</v>
      </c>
      <c r="AD140" s="135">
        <v>0.27631206605455705</v>
      </c>
      <c r="AE140" s="89">
        <v>0.10389571735367586</v>
      </c>
      <c r="AF140" s="135">
        <v>0.20774350177730974</v>
      </c>
      <c r="AG140" s="89">
        <v>9.5515352435065898E-2</v>
      </c>
      <c r="AH140" s="135">
        <v>0.46995606072378926</v>
      </c>
      <c r="AI140" s="89">
        <v>0.11452186090695593</v>
      </c>
      <c r="AJ140" s="135">
        <v>4.5988371444343139E-2</v>
      </c>
      <c r="AK140" s="89">
        <v>5.8489758865405091E-2</v>
      </c>
    </row>
    <row r="141" spans="1:37">
      <c r="A141" s="44" t="s">
        <v>547</v>
      </c>
      <c r="B141" s="136">
        <v>95</v>
      </c>
      <c r="C141" s="137">
        <v>0.36119091712144213</v>
      </c>
      <c r="D141" s="92">
        <v>9.6871797151422787E-2</v>
      </c>
      <c r="E141" s="137">
        <v>0.19676209333160358</v>
      </c>
      <c r="F141" s="92">
        <v>8.1730580664453684E-2</v>
      </c>
      <c r="G141" s="137">
        <v>0.41854041613924736</v>
      </c>
      <c r="H141" s="92">
        <v>9.9267970934421995E-2</v>
      </c>
      <c r="I141" s="137">
        <v>2.3506573407705646E-2</v>
      </c>
      <c r="J141" s="92">
        <v>4.0666425862507745E-2</v>
      </c>
      <c r="K141" s="136">
        <v>95</v>
      </c>
      <c r="L141" s="137">
        <v>0.46656526796667064</v>
      </c>
      <c r="M141" s="92">
        <v>0.10029665646172069</v>
      </c>
      <c r="N141" s="137">
        <v>0.25613769366188693</v>
      </c>
      <c r="O141" s="92">
        <v>8.881706430531798E-2</v>
      </c>
      <c r="P141" s="137">
        <v>0.24983989579140872</v>
      </c>
      <c r="Q141" s="92">
        <v>8.8163011807218125E-2</v>
      </c>
      <c r="R141" s="137">
        <v>2.745714258003238E-2</v>
      </c>
      <c r="S141" s="92">
        <v>4.2346765208692995E-2</v>
      </c>
      <c r="T141" s="136">
        <v>94</v>
      </c>
      <c r="U141" s="137">
        <v>0.57645551744946344</v>
      </c>
      <c r="V141" s="92">
        <v>9.9922826297906692E-2</v>
      </c>
      <c r="W141" s="137">
        <v>0.19551677688104568</v>
      </c>
      <c r="X141" s="92">
        <v>8.1991458102790404E-2</v>
      </c>
      <c r="Y141" s="137">
        <v>8.9745382618634628E-2</v>
      </c>
      <c r="Z141" s="92">
        <v>6.2319207588914773E-2</v>
      </c>
      <c r="AA141" s="137">
        <v>0.13828232305085533</v>
      </c>
      <c r="AB141" s="92">
        <v>7.2737475084754685E-2</v>
      </c>
      <c r="AC141" s="136">
        <v>95</v>
      </c>
      <c r="AD141" s="137">
        <v>0.46920868571464891</v>
      </c>
      <c r="AE141" s="92">
        <v>0.10032814075846461</v>
      </c>
      <c r="AF141" s="137">
        <v>0.23143966423161422</v>
      </c>
      <c r="AG141" s="92">
        <v>8.6125550449093549E-2</v>
      </c>
      <c r="AH141" s="137">
        <v>0.2263469491660598</v>
      </c>
      <c r="AI141" s="92">
        <v>8.5527041198668718E-2</v>
      </c>
      <c r="AJ141" s="137">
        <v>7.3004700887675536E-2</v>
      </c>
      <c r="AK141" s="92">
        <v>5.7598647438094126E-2</v>
      </c>
    </row>
    <row r="142" spans="1:37">
      <c r="A142" s="52" t="s">
        <v>551</v>
      </c>
      <c r="B142" s="134">
        <v>766</v>
      </c>
      <c r="C142" s="135">
        <v>0.36695534999397511</v>
      </c>
      <c r="D142" s="89">
        <v>3.475200068344108E-2</v>
      </c>
      <c r="E142" s="135">
        <v>0.23332710017252892</v>
      </c>
      <c r="F142" s="89">
        <v>3.0546749071939418E-2</v>
      </c>
      <c r="G142" s="135">
        <v>0.37614465151582893</v>
      </c>
      <c r="H142" s="89">
        <v>3.4926179429510075E-2</v>
      </c>
      <c r="I142" s="135">
        <v>2.3572898317670107E-2</v>
      </c>
      <c r="J142" s="89">
        <v>1.1479932600312515E-2</v>
      </c>
      <c r="K142" s="134">
        <v>762</v>
      </c>
      <c r="L142" s="135">
        <v>0.28071023653497401</v>
      </c>
      <c r="M142" s="89">
        <v>3.2511328645775148E-2</v>
      </c>
      <c r="N142" s="135">
        <v>0.21770012808705069</v>
      </c>
      <c r="O142" s="89">
        <v>2.9894236050606163E-2</v>
      </c>
      <c r="P142" s="135">
        <v>0.43596572526045507</v>
      </c>
      <c r="Q142" s="89">
        <v>3.5837049526682041E-2</v>
      </c>
      <c r="R142" s="135">
        <v>6.5623910117522444E-2</v>
      </c>
      <c r="S142" s="89">
        <v>1.8178523287790738E-2</v>
      </c>
      <c r="T142" s="134">
        <v>764</v>
      </c>
      <c r="U142" s="135">
        <v>0.43431807432361191</v>
      </c>
      <c r="V142" s="89">
        <v>3.5774955327922041E-2</v>
      </c>
      <c r="W142" s="135">
        <v>0.20991586772929927</v>
      </c>
      <c r="X142" s="89">
        <v>2.9467979051588579E-2</v>
      </c>
      <c r="Y142" s="135">
        <v>0.21815800771588306</v>
      </c>
      <c r="Z142" s="89">
        <v>2.9877386893861373E-2</v>
      </c>
      <c r="AA142" s="135">
        <v>0.13760805023120828</v>
      </c>
      <c r="AB142" s="89">
        <v>2.5003802988477916E-2</v>
      </c>
      <c r="AC142" s="134">
        <v>761</v>
      </c>
      <c r="AD142" s="135">
        <v>0.2425909573793735</v>
      </c>
      <c r="AE142" s="89">
        <v>3.1053963755538063E-2</v>
      </c>
      <c r="AF142" s="135">
        <v>0.2628200812985042</v>
      </c>
      <c r="AG142" s="89">
        <v>3.187659444852893E-2</v>
      </c>
      <c r="AH142" s="135">
        <v>0.41214083931850193</v>
      </c>
      <c r="AI142" s="89">
        <v>3.5598434337106959E-2</v>
      </c>
      <c r="AJ142" s="135">
        <v>8.2448122003622726E-2</v>
      </c>
      <c r="AK142" s="89">
        <v>2.0126258458986947E-2</v>
      </c>
    </row>
    <row r="143" spans="1:37">
      <c r="A143" s="44" t="s">
        <v>552</v>
      </c>
      <c r="B143" s="136">
        <v>211</v>
      </c>
      <c r="C143" s="137">
        <v>0.3464878117542976</v>
      </c>
      <c r="D143" s="92">
        <v>6.5029900129762078E-2</v>
      </c>
      <c r="E143" s="137">
        <v>0.24852871072852023</v>
      </c>
      <c r="F143" s="92">
        <v>5.9312861735876597E-2</v>
      </c>
      <c r="G143" s="137">
        <v>0.40002312036126608</v>
      </c>
      <c r="H143" s="92">
        <v>6.6873443095774823E-2</v>
      </c>
      <c r="I143" s="137">
        <v>4.9603571559164979E-3</v>
      </c>
      <c r="J143" s="92">
        <v>1.6121398099103096E-2</v>
      </c>
      <c r="K143" s="136">
        <v>210</v>
      </c>
      <c r="L143" s="137">
        <v>0.24427069520617184</v>
      </c>
      <c r="M143" s="92">
        <v>5.9125154743085516E-2</v>
      </c>
      <c r="N143" s="137">
        <v>0.20762321891610752</v>
      </c>
      <c r="O143" s="92">
        <v>5.5984247144234257E-2</v>
      </c>
      <c r="P143" s="137">
        <v>0.49060860046564903</v>
      </c>
      <c r="Q143" s="92">
        <v>6.8346980043399563E-2</v>
      </c>
      <c r="R143" s="137">
        <v>5.7497485412071662E-2</v>
      </c>
      <c r="S143" s="92">
        <v>3.3889059494286104E-2</v>
      </c>
      <c r="T143" s="136">
        <v>211</v>
      </c>
      <c r="U143" s="137">
        <v>0.43223645130707594</v>
      </c>
      <c r="V143" s="92">
        <v>6.7593500912498508E-2</v>
      </c>
      <c r="W143" s="137">
        <v>0.20989382644009447</v>
      </c>
      <c r="X143" s="92">
        <v>5.6063231921200954E-2</v>
      </c>
      <c r="Y143" s="137">
        <v>0.17807769149145347</v>
      </c>
      <c r="Z143" s="92">
        <v>5.2859850498071764E-2</v>
      </c>
      <c r="AA143" s="137">
        <v>0.17979203076137615</v>
      </c>
      <c r="AB143" s="92">
        <v>5.3046105977094263E-2</v>
      </c>
      <c r="AC143" s="136">
        <v>210</v>
      </c>
      <c r="AD143" s="137">
        <v>0.244810153617045</v>
      </c>
      <c r="AE143" s="92">
        <v>5.9167093072535884E-2</v>
      </c>
      <c r="AF143" s="137">
        <v>0.23843268139916077</v>
      </c>
      <c r="AG143" s="92">
        <v>5.8663669374917349E-2</v>
      </c>
      <c r="AH143" s="137">
        <v>0.41034728681731408</v>
      </c>
      <c r="AI143" s="92">
        <v>6.7292089526791582E-2</v>
      </c>
      <c r="AJ143" s="137">
        <v>0.10640987816648044</v>
      </c>
      <c r="AK143" s="92">
        <v>4.3411493415657997E-2</v>
      </c>
    </row>
    <row r="144" spans="1:37">
      <c r="A144" s="52" t="s">
        <v>553</v>
      </c>
      <c r="B144" s="134">
        <v>274</v>
      </c>
      <c r="C144" s="135">
        <v>0.39397462702681102</v>
      </c>
      <c r="D144" s="89">
        <v>5.8651486937667981E-2</v>
      </c>
      <c r="E144" s="135">
        <v>0.23607364640374662</v>
      </c>
      <c r="F144" s="89">
        <v>5.1220075355821147E-2</v>
      </c>
      <c r="G144" s="135">
        <v>0.33519033923228264</v>
      </c>
      <c r="H144" s="89">
        <v>5.6722700352473038E-2</v>
      </c>
      <c r="I144" s="135">
        <v>3.4761387337161075E-2</v>
      </c>
      <c r="J144" s="89">
        <v>2.3911380830818594E-2</v>
      </c>
      <c r="K144" s="134">
        <v>273</v>
      </c>
      <c r="L144" s="135">
        <v>0.34646168574383907</v>
      </c>
      <c r="M144" s="89">
        <v>5.72664818020941E-2</v>
      </c>
      <c r="N144" s="135">
        <v>0.20516789921472892</v>
      </c>
      <c r="O144" s="89">
        <v>4.8896324900587748E-2</v>
      </c>
      <c r="P144" s="135">
        <v>0.38475788706401287</v>
      </c>
      <c r="Q144" s="89">
        <v>5.8513480249408195E-2</v>
      </c>
      <c r="R144" s="135">
        <v>6.3612527977420411E-2</v>
      </c>
      <c r="S144" s="89">
        <v>3.0643204311430621E-2</v>
      </c>
      <c r="T144" s="134">
        <v>273</v>
      </c>
      <c r="U144" s="135">
        <v>0.47443659615648348</v>
      </c>
      <c r="V144" s="89">
        <v>6.0007851400044776E-2</v>
      </c>
      <c r="W144" s="135">
        <v>0.20045801066991598</v>
      </c>
      <c r="X144" s="89">
        <v>4.8493139777353818E-2</v>
      </c>
      <c r="Y144" s="135">
        <v>0.22323347414731351</v>
      </c>
      <c r="Z144" s="89">
        <v>5.0355642493303744E-2</v>
      </c>
      <c r="AA144" s="135">
        <v>0.10187191902628813</v>
      </c>
      <c r="AB144" s="89">
        <v>3.7240319793970522E-2</v>
      </c>
      <c r="AC144" s="134">
        <v>271</v>
      </c>
      <c r="AD144" s="135">
        <v>0.23438315566501619</v>
      </c>
      <c r="AE144" s="89">
        <v>5.1378834837880485E-2</v>
      </c>
      <c r="AF144" s="135">
        <v>0.30837947061747012</v>
      </c>
      <c r="AG144" s="89">
        <v>5.5836381313116634E-2</v>
      </c>
      <c r="AH144" s="135">
        <v>0.3796738110690181</v>
      </c>
      <c r="AI144" s="89">
        <v>5.8581999672674273E-2</v>
      </c>
      <c r="AJ144" s="135">
        <v>7.7563562648496662E-2</v>
      </c>
      <c r="AK144" s="89">
        <v>3.3401371310302713E-2</v>
      </c>
    </row>
    <row r="145" spans="1:37">
      <c r="A145" s="44" t="s">
        <v>554</v>
      </c>
      <c r="B145" s="136">
        <v>242</v>
      </c>
      <c r="C145" s="137">
        <v>0.35751603199938636</v>
      </c>
      <c r="D145" s="92">
        <v>6.1201143582951048E-2</v>
      </c>
      <c r="E145" s="137">
        <v>0.21605346244086893</v>
      </c>
      <c r="F145" s="92">
        <v>5.2880447901635569E-2</v>
      </c>
      <c r="G145" s="137">
        <v>0.39618514525486653</v>
      </c>
      <c r="H145" s="92">
        <v>6.241353238467081E-2</v>
      </c>
      <c r="I145" s="137">
        <v>3.0245360304879277E-2</v>
      </c>
      <c r="J145" s="92">
        <v>2.4344571325001146E-2</v>
      </c>
      <c r="K145" s="136">
        <v>242</v>
      </c>
      <c r="L145" s="137">
        <v>0.24820550998644422</v>
      </c>
      <c r="M145" s="92">
        <v>5.5384036312478485E-2</v>
      </c>
      <c r="N145" s="137">
        <v>0.23622070554288144</v>
      </c>
      <c r="O145" s="92">
        <v>5.4499173706018533E-2</v>
      </c>
      <c r="P145" s="137">
        <v>0.43429561135540057</v>
      </c>
      <c r="Q145" s="92">
        <v>6.3222691244443796E-2</v>
      </c>
      <c r="R145" s="137">
        <v>8.1278173115274743E-2</v>
      </c>
      <c r="S145" s="92">
        <v>3.6140511415189903E-2</v>
      </c>
      <c r="T145" s="136">
        <v>242</v>
      </c>
      <c r="U145" s="137">
        <v>0.40576116374276644</v>
      </c>
      <c r="V145" s="92">
        <v>6.2652156942786003E-2</v>
      </c>
      <c r="W145" s="137">
        <v>0.20978200200859551</v>
      </c>
      <c r="X145" s="92">
        <v>5.234195219043334E-2</v>
      </c>
      <c r="Y145" s="137">
        <v>0.23028993933710878</v>
      </c>
      <c r="Z145" s="92">
        <v>5.4040468595791209E-2</v>
      </c>
      <c r="AA145" s="137">
        <v>0.15416689491153013</v>
      </c>
      <c r="AB145" s="92">
        <v>4.6723071064687288E-2</v>
      </c>
      <c r="AC145" s="136">
        <v>241</v>
      </c>
      <c r="AD145" s="137">
        <v>0.25345571753140111</v>
      </c>
      <c r="AE145" s="92">
        <v>5.5869308260158131E-2</v>
      </c>
      <c r="AF145" s="137">
        <v>0.24492196082253401</v>
      </c>
      <c r="AG145" s="92">
        <v>5.5260779262385359E-2</v>
      </c>
      <c r="AH145" s="137">
        <v>0.42820901068090023</v>
      </c>
      <c r="AI145" s="92">
        <v>6.3247227530875375E-2</v>
      </c>
      <c r="AJ145" s="137">
        <v>7.3413310965165651E-2</v>
      </c>
      <c r="AK145" s="92">
        <v>3.4739231499829333E-2</v>
      </c>
    </row>
    <row r="147" spans="1:37">
      <c r="R147" s="238"/>
      <c r="S147" s="238"/>
      <c r="T147" s="238"/>
      <c r="U147" s="238"/>
      <c r="V147" s="238"/>
      <c r="W147" s="238"/>
      <c r="X147" s="238"/>
      <c r="Y147" s="238"/>
      <c r="Z147" s="238"/>
      <c r="AA147" s="238"/>
      <c r="AB147" s="238"/>
      <c r="AC147" s="238"/>
      <c r="AD147" s="238"/>
      <c r="AE147" s="238"/>
    </row>
  </sheetData>
  <mergeCells count="23">
    <mergeCell ref="K121:S121"/>
    <mergeCell ref="B121:J121"/>
    <mergeCell ref="T121:AB121"/>
    <mergeCell ref="I34:Q34"/>
    <mergeCell ref="A120:AK120"/>
    <mergeCell ref="A119:AK119"/>
    <mergeCell ref="AC121:AK121"/>
    <mergeCell ref="B34:H34"/>
    <mergeCell ref="A90:D90"/>
    <mergeCell ref="A91:D91"/>
    <mergeCell ref="A92:D92"/>
    <mergeCell ref="B63:H63"/>
    <mergeCell ref="I63:J63"/>
    <mergeCell ref="K63:L63"/>
    <mergeCell ref="M63:N63"/>
    <mergeCell ref="O63:P63"/>
    <mergeCell ref="A61:P61"/>
    <mergeCell ref="A62:P62"/>
    <mergeCell ref="A3:D3"/>
    <mergeCell ref="A4:D4"/>
    <mergeCell ref="A5:D5"/>
    <mergeCell ref="A32:Q32"/>
    <mergeCell ref="A33:Q3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B174"/>
  <sheetViews>
    <sheetView zoomScaleNormal="100" workbookViewId="0"/>
  </sheetViews>
  <sheetFormatPr defaultColWidth="16.5703125" defaultRowHeight="15"/>
  <cols>
    <col min="1" max="1" width="42.5703125" customWidth="1"/>
  </cols>
  <sheetData>
    <row r="1" spans="1:15" ht="31.5">
      <c r="A1" s="30" t="s">
        <v>40</v>
      </c>
    </row>
    <row r="3" spans="1:15" ht="18.75">
      <c r="A3" s="344" t="s">
        <v>3</v>
      </c>
      <c r="B3" s="344"/>
      <c r="C3" s="344"/>
      <c r="D3" s="344"/>
      <c r="E3" s="344"/>
      <c r="F3" s="344"/>
      <c r="G3" s="344"/>
      <c r="H3" s="344"/>
      <c r="I3" s="344"/>
      <c r="J3" s="344"/>
      <c r="K3" s="344"/>
      <c r="L3" s="344"/>
      <c r="M3" s="344"/>
      <c r="N3" s="344"/>
      <c r="O3" s="344"/>
    </row>
    <row r="4" spans="1:15" ht="42" customHeight="1">
      <c r="A4" s="367" t="s">
        <v>360</v>
      </c>
      <c r="B4" s="367"/>
      <c r="C4" s="367"/>
      <c r="D4" s="367"/>
      <c r="E4" s="367"/>
      <c r="F4" s="367"/>
      <c r="G4" s="367"/>
      <c r="H4" s="367"/>
      <c r="I4" s="367"/>
      <c r="J4" s="367"/>
      <c r="K4" s="367"/>
      <c r="L4" s="367"/>
      <c r="M4" s="367"/>
      <c r="N4" s="367"/>
      <c r="O4" s="367"/>
    </row>
    <row r="5" spans="1:15" ht="15.75">
      <c r="A5" s="400" t="s">
        <v>116</v>
      </c>
      <c r="B5" s="400"/>
      <c r="C5" s="400"/>
      <c r="D5" s="400"/>
      <c r="E5" s="392" t="s">
        <v>31</v>
      </c>
      <c r="F5" s="392"/>
      <c r="G5" s="392"/>
      <c r="H5" s="392"/>
      <c r="I5" s="392"/>
      <c r="J5" s="392"/>
      <c r="K5" s="392"/>
      <c r="L5" s="392"/>
      <c r="M5" s="392"/>
      <c r="N5" s="392"/>
      <c r="O5" s="392"/>
    </row>
    <row r="6" spans="1:15" ht="72">
      <c r="A6" s="32" t="s">
        <v>71</v>
      </c>
      <c r="B6" s="33" t="s">
        <v>72</v>
      </c>
      <c r="C6" s="34" t="s">
        <v>592</v>
      </c>
      <c r="D6" s="35" t="s">
        <v>73</v>
      </c>
      <c r="E6" s="60" t="s">
        <v>72</v>
      </c>
      <c r="F6" s="60" t="s">
        <v>307</v>
      </c>
      <c r="G6" s="83" t="s">
        <v>143</v>
      </c>
      <c r="H6" s="60" t="s">
        <v>308</v>
      </c>
      <c r="I6" s="83" t="s">
        <v>198</v>
      </c>
      <c r="J6" s="60" t="s">
        <v>309</v>
      </c>
      <c r="K6" s="83" t="s">
        <v>200</v>
      </c>
      <c r="L6" s="60" t="s">
        <v>310</v>
      </c>
      <c r="M6" s="83" t="s">
        <v>201</v>
      </c>
      <c r="N6" s="60" t="s">
        <v>311</v>
      </c>
      <c r="O6" s="83" t="s">
        <v>204</v>
      </c>
    </row>
    <row r="7" spans="1:15" ht="84">
      <c r="A7" s="36"/>
      <c r="B7" s="37" t="s">
        <v>74</v>
      </c>
      <c r="C7" s="38" t="s">
        <v>118</v>
      </c>
      <c r="D7" s="39" t="s">
        <v>76</v>
      </c>
      <c r="E7" s="63" t="s">
        <v>74</v>
      </c>
      <c r="F7" s="63" t="s">
        <v>199</v>
      </c>
      <c r="G7" s="85" t="s">
        <v>88</v>
      </c>
      <c r="H7" s="63" t="s">
        <v>197</v>
      </c>
      <c r="I7" s="85" t="s">
        <v>88</v>
      </c>
      <c r="J7" s="63" t="s">
        <v>179</v>
      </c>
      <c r="K7" s="85" t="s">
        <v>88</v>
      </c>
      <c r="L7" s="63" t="s">
        <v>202</v>
      </c>
      <c r="M7" s="85" t="s">
        <v>88</v>
      </c>
      <c r="N7" s="63" t="s">
        <v>203</v>
      </c>
      <c r="O7" s="85" t="s">
        <v>88</v>
      </c>
    </row>
    <row r="8" spans="1:15">
      <c r="A8" s="40" t="s">
        <v>350</v>
      </c>
      <c r="B8" s="138">
        <v>13292</v>
      </c>
      <c r="C8" s="139">
        <v>3.2157016365461688</v>
      </c>
      <c r="D8" s="125">
        <v>1.7780956282388603E-2</v>
      </c>
      <c r="E8" s="117">
        <v>13292</v>
      </c>
      <c r="F8" s="140">
        <v>6.2783561717994235E-2</v>
      </c>
      <c r="G8" s="89">
        <v>4.2114959915721759E-3</v>
      </c>
      <c r="H8" s="141">
        <v>0.17780663032393992</v>
      </c>
      <c r="I8" s="89">
        <v>6.6332015775098967E-3</v>
      </c>
      <c r="J8" s="141">
        <v>0.3416360823384445</v>
      </c>
      <c r="K8" s="89">
        <v>8.2261937645276111E-3</v>
      </c>
      <c r="L8" s="141">
        <v>0.31647206093319324</v>
      </c>
      <c r="M8" s="89">
        <v>8.0674383547051955E-3</v>
      </c>
      <c r="N8" s="141">
        <v>0.10130166468644919</v>
      </c>
      <c r="O8" s="89">
        <v>5.2361578177108868E-3</v>
      </c>
    </row>
    <row r="9" spans="1:15">
      <c r="A9" s="44" t="s">
        <v>351</v>
      </c>
      <c r="B9" s="142">
        <v>9796</v>
      </c>
      <c r="C9" s="143">
        <v>3.1677388723754865</v>
      </c>
      <c r="D9" s="127">
        <v>2.0622751460591306E-2</v>
      </c>
      <c r="E9" s="120">
        <v>9796</v>
      </c>
      <c r="F9" s="144">
        <v>6.6599940263533552E-2</v>
      </c>
      <c r="G9" s="92">
        <v>5.0433909924152802E-3</v>
      </c>
      <c r="H9" s="145">
        <v>0.19702726166794071</v>
      </c>
      <c r="I9" s="92">
        <v>8.0377283107085015E-3</v>
      </c>
      <c r="J9" s="145">
        <v>0.33133051246887235</v>
      </c>
      <c r="K9" s="92">
        <v>9.5099051097896903E-3</v>
      </c>
      <c r="L9" s="145">
        <v>0.31211855662881605</v>
      </c>
      <c r="M9" s="92">
        <v>9.3618717216014669E-3</v>
      </c>
      <c r="N9" s="145">
        <v>9.2923728970839517E-2</v>
      </c>
      <c r="O9" s="92">
        <v>5.8701651861999176E-3</v>
      </c>
    </row>
    <row r="10" spans="1:15">
      <c r="A10" s="40" t="s">
        <v>352</v>
      </c>
      <c r="B10" s="49">
        <v>3496</v>
      </c>
      <c r="C10" s="50">
        <v>3.2554944223628399</v>
      </c>
      <c r="D10" s="51">
        <v>3.5091350706499054E-2</v>
      </c>
      <c r="E10" s="78">
        <v>3496</v>
      </c>
      <c r="F10" s="93">
        <v>5.9617265181835959E-2</v>
      </c>
      <c r="G10" s="89">
        <v>8.036067128565123E-3</v>
      </c>
      <c r="H10" s="93">
        <v>0.16186004176594918</v>
      </c>
      <c r="I10" s="89">
        <v>1.246354981528444E-2</v>
      </c>
      <c r="J10" s="93">
        <v>0.35018620119896093</v>
      </c>
      <c r="K10" s="89">
        <v>1.6128310418774845E-2</v>
      </c>
      <c r="L10" s="93">
        <v>0.32008398921403775</v>
      </c>
      <c r="M10" s="89">
        <v>1.5773546564941746E-2</v>
      </c>
      <c r="N10" s="93">
        <v>0.10825250263921539</v>
      </c>
      <c r="O10" s="89">
        <v>1.0522600304761372E-2</v>
      </c>
    </row>
    <row r="11" spans="1:15">
      <c r="A11" s="44" t="s">
        <v>534</v>
      </c>
      <c r="B11" s="142">
        <v>3051</v>
      </c>
      <c r="C11" s="143">
        <v>3.2646251741848542</v>
      </c>
      <c r="D11" s="127">
        <v>3.6692158288628825E-2</v>
      </c>
      <c r="E11" s="120">
        <v>3051</v>
      </c>
      <c r="F11" s="144">
        <v>5.7423685501593179E-2</v>
      </c>
      <c r="G11" s="92">
        <v>8.4581415869327548E-3</v>
      </c>
      <c r="H11" s="145">
        <v>0.16718161163060674</v>
      </c>
      <c r="I11" s="92">
        <v>1.3515913839359043E-2</v>
      </c>
      <c r="J11" s="145">
        <v>0.33273253509387468</v>
      </c>
      <c r="K11" s="92">
        <v>1.7052717455686262E-2</v>
      </c>
      <c r="L11" s="145">
        <v>0.33867017872919875</v>
      </c>
      <c r="M11" s="92">
        <v>1.7127262205908385E-2</v>
      </c>
      <c r="N11" s="145">
        <v>0.10399198904472468</v>
      </c>
      <c r="O11" s="92">
        <v>1.1069667820204757E-2</v>
      </c>
    </row>
    <row r="12" spans="1:15">
      <c r="A12" s="40" t="s">
        <v>535</v>
      </c>
      <c r="B12" s="49">
        <v>2413</v>
      </c>
      <c r="C12" s="50">
        <v>3.2205118725290514</v>
      </c>
      <c r="D12" s="51">
        <v>4.1259194534384112E-2</v>
      </c>
      <c r="E12" s="78">
        <v>2413</v>
      </c>
      <c r="F12" s="93">
        <v>6.3615719304862178E-2</v>
      </c>
      <c r="G12" s="89">
        <v>9.9812438198411003E-3</v>
      </c>
      <c r="H12" s="93">
        <v>0.18697899207600344</v>
      </c>
      <c r="I12" s="89">
        <v>1.5878202648560043E-2</v>
      </c>
      <c r="J12" s="93">
        <v>0.31826187760703789</v>
      </c>
      <c r="K12" s="89">
        <v>1.8954051788854648E-2</v>
      </c>
      <c r="L12" s="93">
        <v>0.32756451880941717</v>
      </c>
      <c r="M12" s="89">
        <v>1.9096876019788371E-2</v>
      </c>
      <c r="N12" s="93">
        <v>0.10357889220267999</v>
      </c>
      <c r="O12" s="89">
        <v>1.2430694777150959E-2</v>
      </c>
    </row>
    <row r="13" spans="1:15">
      <c r="A13" s="44" t="s">
        <v>536</v>
      </c>
      <c r="B13" s="142">
        <v>344</v>
      </c>
      <c r="C13" s="143">
        <v>3.1260881569401384</v>
      </c>
      <c r="D13" s="127">
        <v>0.10886261132704469</v>
      </c>
      <c r="E13" s="120">
        <v>344</v>
      </c>
      <c r="F13" s="144">
        <v>7.8137271147536158E-2</v>
      </c>
      <c r="G13" s="92">
        <v>2.9575453348941634E-2</v>
      </c>
      <c r="H13" s="145">
        <v>0.19845423518022134</v>
      </c>
      <c r="I13" s="92">
        <v>4.303813860691337E-2</v>
      </c>
      <c r="J13" s="145">
        <v>0.32806090957139594</v>
      </c>
      <c r="K13" s="92">
        <v>5.0413537424253578E-2</v>
      </c>
      <c r="L13" s="145">
        <v>0.30987823378625995</v>
      </c>
      <c r="M13" s="92">
        <v>4.9674791537708499E-2</v>
      </c>
      <c r="N13" s="145">
        <v>8.5469350314586023E-2</v>
      </c>
      <c r="O13" s="92">
        <v>3.0717826446746855E-2</v>
      </c>
    </row>
    <row r="14" spans="1:15">
      <c r="A14" s="40" t="s">
        <v>537</v>
      </c>
      <c r="B14" s="49">
        <v>81</v>
      </c>
      <c r="C14" s="50">
        <v>3.2220831474555878</v>
      </c>
      <c r="D14" s="51">
        <v>0.20990573507950022</v>
      </c>
      <c r="E14" s="78">
        <v>81</v>
      </c>
      <c r="F14" s="93">
        <v>6.3032132037612043E-2</v>
      </c>
      <c r="G14" s="89">
        <v>6.0042003855906113E-2</v>
      </c>
      <c r="H14" s="93">
        <v>0.17183937665552865</v>
      </c>
      <c r="I14" s="89">
        <v>8.4632797432136184E-2</v>
      </c>
      <c r="J14" s="93">
        <v>0.33624829365842884</v>
      </c>
      <c r="K14" s="89">
        <v>0.10304761340985483</v>
      </c>
      <c r="L14" s="93">
        <v>0.33777360711052273</v>
      </c>
      <c r="M14" s="89">
        <v>0.10315066050410789</v>
      </c>
      <c r="N14" s="93">
        <v>9.11065905379084E-2</v>
      </c>
      <c r="O14" s="89">
        <v>6.79694784294778E-2</v>
      </c>
    </row>
    <row r="15" spans="1:15">
      <c r="A15" s="44" t="s">
        <v>538</v>
      </c>
      <c r="B15" s="142">
        <v>62</v>
      </c>
      <c r="C15" s="143">
        <v>3.0777193728089549</v>
      </c>
      <c r="D15" s="127">
        <v>0.26603656871686882</v>
      </c>
      <c r="E15" s="120">
        <v>62</v>
      </c>
      <c r="F15" s="144">
        <v>5.8641008549730866E-2</v>
      </c>
      <c r="G15" s="92">
        <v>6.8798599213986789E-2</v>
      </c>
      <c r="H15" s="145">
        <v>0.28544524456673853</v>
      </c>
      <c r="I15" s="92">
        <v>0.11264775301384203</v>
      </c>
      <c r="J15" s="145">
        <v>0.28852013170097818</v>
      </c>
      <c r="K15" s="92">
        <v>0.1129583054071816</v>
      </c>
      <c r="L15" s="145">
        <v>0.25434059588994817</v>
      </c>
      <c r="M15" s="92">
        <v>0.1091967271556382</v>
      </c>
      <c r="N15" s="145">
        <v>0.11305301929260385</v>
      </c>
      <c r="O15" s="92">
        <v>8.4520362793065171E-2</v>
      </c>
    </row>
    <row r="16" spans="1:15">
      <c r="A16" s="40" t="s">
        <v>539</v>
      </c>
      <c r="B16" s="49">
        <v>58</v>
      </c>
      <c r="C16" s="50">
        <v>3.1147939099121462</v>
      </c>
      <c r="D16" s="51">
        <v>0.28845071214739598</v>
      </c>
      <c r="E16" s="78">
        <v>58</v>
      </c>
      <c r="F16" s="93">
        <v>7.5484760363637063E-2</v>
      </c>
      <c r="G16" s="89">
        <v>7.7163429019828672E-2</v>
      </c>
      <c r="H16" s="93">
        <v>0.23096152062260247</v>
      </c>
      <c r="I16" s="89">
        <v>0.10973769154104146</v>
      </c>
      <c r="J16" s="93">
        <v>0.27052927900487789</v>
      </c>
      <c r="K16" s="89">
        <v>0.11469973154597334</v>
      </c>
      <c r="L16" s="93">
        <v>0.34932392875574336</v>
      </c>
      <c r="M16" s="89">
        <v>0.12184910771250555</v>
      </c>
      <c r="N16" s="93">
        <v>7.3700511253139034E-2</v>
      </c>
      <c r="O16" s="89">
        <v>7.6606036297540869E-2</v>
      </c>
    </row>
    <row r="17" spans="1:15">
      <c r="A17" s="44" t="s">
        <v>540</v>
      </c>
      <c r="B17" s="142">
        <v>71</v>
      </c>
      <c r="C17" s="143">
        <v>3.1769644617691943</v>
      </c>
      <c r="D17" s="127">
        <v>0.25463966084181805</v>
      </c>
      <c r="E17" s="120">
        <v>71</v>
      </c>
      <c r="F17" s="144">
        <v>0.11063030763898578</v>
      </c>
      <c r="G17" s="92">
        <v>7.8019348289158061E-2</v>
      </c>
      <c r="H17" s="145">
        <v>0.15709089155000419</v>
      </c>
      <c r="I17" s="92">
        <v>8.7824507237237143E-2</v>
      </c>
      <c r="J17" s="145">
        <v>0.29135989017485803</v>
      </c>
      <c r="K17" s="92">
        <v>0.10607890349014751</v>
      </c>
      <c r="L17" s="145">
        <v>0.32652185267513284</v>
      </c>
      <c r="M17" s="92">
        <v>0.10906385350926048</v>
      </c>
      <c r="N17" s="145">
        <v>0.11439705796101839</v>
      </c>
      <c r="O17" s="92">
        <v>7.8908439357903593E-2</v>
      </c>
    </row>
    <row r="18" spans="1:15">
      <c r="A18" s="40" t="s">
        <v>541</v>
      </c>
      <c r="B18" s="138">
        <v>72</v>
      </c>
      <c r="C18" s="139">
        <v>3.0329282374789419</v>
      </c>
      <c r="D18" s="125">
        <v>0.21585220701643387</v>
      </c>
      <c r="E18" s="117">
        <v>72</v>
      </c>
      <c r="F18" s="140">
        <v>8.6658692856884836E-2</v>
      </c>
      <c r="G18" s="89">
        <v>7.1325795082865254E-2</v>
      </c>
      <c r="H18" s="141">
        <v>0.15272969352746174</v>
      </c>
      <c r="I18" s="89">
        <v>8.6378499190497018E-2</v>
      </c>
      <c r="J18" s="141">
        <v>0.44401655858278544</v>
      </c>
      <c r="K18" s="89">
        <v>0.11406071386905467</v>
      </c>
      <c r="L18" s="141">
        <v>0.27421479334556531</v>
      </c>
      <c r="M18" s="89">
        <v>0.10368119932333739</v>
      </c>
      <c r="N18" s="141">
        <v>4.2380261687303591E-2</v>
      </c>
      <c r="O18" s="89">
        <v>5.7146094819882004E-2</v>
      </c>
    </row>
    <row r="19" spans="1:15">
      <c r="A19" s="44" t="s">
        <v>542</v>
      </c>
      <c r="B19" s="142">
        <v>584</v>
      </c>
      <c r="C19" s="143">
        <v>3.178125110985051</v>
      </c>
      <c r="D19" s="127">
        <v>8.611559354439674E-2</v>
      </c>
      <c r="E19" s="120">
        <v>584</v>
      </c>
      <c r="F19" s="144">
        <v>6.8311481203743696E-2</v>
      </c>
      <c r="G19" s="92">
        <v>2.1216705113771092E-2</v>
      </c>
      <c r="H19" s="145">
        <v>0.18466785569016828</v>
      </c>
      <c r="I19" s="92">
        <v>3.2146971767519919E-2</v>
      </c>
      <c r="J19" s="145">
        <v>0.345369887086029</v>
      </c>
      <c r="K19" s="92">
        <v>3.9245757534637805E-2</v>
      </c>
      <c r="L19" s="145">
        <v>0.30388562295740518</v>
      </c>
      <c r="M19" s="92">
        <v>3.7981435504595519E-2</v>
      </c>
      <c r="N19" s="145">
        <v>9.7765153062649435E-2</v>
      </c>
      <c r="O19" s="92">
        <v>2.4798631762797774E-2</v>
      </c>
    </row>
    <row r="20" spans="1:15">
      <c r="A20" s="40" t="s">
        <v>543</v>
      </c>
      <c r="B20" s="49">
        <v>58</v>
      </c>
      <c r="C20" s="50">
        <v>3.3265080652857271</v>
      </c>
      <c r="D20" s="51">
        <v>0.25976264116151232</v>
      </c>
      <c r="E20" s="78">
        <v>58</v>
      </c>
      <c r="F20" s="93">
        <v>3.8198575793699951E-2</v>
      </c>
      <c r="G20" s="89">
        <v>6.3940130575726312E-2</v>
      </c>
      <c r="H20" s="93">
        <v>0.19145347390278999</v>
      </c>
      <c r="I20" s="89">
        <v>0.10370142563490224</v>
      </c>
      <c r="J20" s="93">
        <v>0.23566178102873819</v>
      </c>
      <c r="K20" s="89">
        <v>0.11038073521204933</v>
      </c>
      <c r="L20" s="93">
        <v>0.47501364777362826</v>
      </c>
      <c r="M20" s="89">
        <v>0.1268612757001884</v>
      </c>
      <c r="N20" s="93">
        <v>5.9672521501144188E-2</v>
      </c>
      <c r="O20" s="89">
        <v>7.1986794541027077E-2</v>
      </c>
    </row>
    <row r="21" spans="1:15">
      <c r="A21" s="44" t="s">
        <v>550</v>
      </c>
      <c r="B21" s="142">
        <v>103</v>
      </c>
      <c r="C21" s="143">
        <v>3.2158187348121223</v>
      </c>
      <c r="D21" s="127">
        <v>0.2128188341199336</v>
      </c>
      <c r="E21" s="120">
        <v>103</v>
      </c>
      <c r="F21" s="144">
        <v>9.1376357393360003E-2</v>
      </c>
      <c r="G21" s="92">
        <v>5.9680569283480631E-2</v>
      </c>
      <c r="H21" s="145">
        <v>0.13862021140228417</v>
      </c>
      <c r="I21" s="92">
        <v>6.9440024433231953E-2</v>
      </c>
      <c r="J21" s="145">
        <v>0.34244961737757862</v>
      </c>
      <c r="K21" s="92">
        <v>9.2119192930130239E-2</v>
      </c>
      <c r="L21" s="145">
        <v>0.31791596665242655</v>
      </c>
      <c r="M21" s="92">
        <v>9.0538971714656524E-2</v>
      </c>
      <c r="N21" s="145">
        <v>0.10963784717435043</v>
      </c>
      <c r="O21" s="92">
        <v>6.3774581702235864E-2</v>
      </c>
    </row>
    <row r="22" spans="1:15">
      <c r="A22" s="52" t="s">
        <v>544</v>
      </c>
      <c r="B22" s="138">
        <v>119</v>
      </c>
      <c r="C22" s="139">
        <v>3.0106713347071845</v>
      </c>
      <c r="D22" s="125">
        <v>0.18836809871486665</v>
      </c>
      <c r="E22" s="117">
        <v>119</v>
      </c>
      <c r="F22" s="140">
        <v>7.9079298373531809E-2</v>
      </c>
      <c r="G22" s="89">
        <v>5.2316086264651597E-2</v>
      </c>
      <c r="H22" s="141">
        <v>0.20694174796298218</v>
      </c>
      <c r="I22" s="89">
        <v>7.4268668195695484E-2</v>
      </c>
      <c r="J22" s="141">
        <v>0.38993991144899298</v>
      </c>
      <c r="K22" s="89">
        <v>8.8098580817158642E-2</v>
      </c>
      <c r="L22" s="141">
        <v>0.27230640501175685</v>
      </c>
      <c r="M22" s="89">
        <v>8.0944182197001599E-2</v>
      </c>
      <c r="N22" s="141">
        <v>5.1732637202736242E-2</v>
      </c>
      <c r="O22" s="89">
        <v>4.4871401971098651E-2</v>
      </c>
    </row>
    <row r="23" spans="1:15">
      <c r="A23" s="44" t="s">
        <v>545</v>
      </c>
      <c r="B23" s="142">
        <v>147</v>
      </c>
      <c r="C23" s="143">
        <v>3.3109413804470584</v>
      </c>
      <c r="D23" s="127">
        <v>0.16627717044886522</v>
      </c>
      <c r="E23" s="120">
        <v>147</v>
      </c>
      <c r="F23" s="144">
        <v>5.0530705621150016E-2</v>
      </c>
      <c r="G23" s="92">
        <v>3.9378878234072906E-2</v>
      </c>
      <c r="H23" s="145">
        <v>0.18014021505720251</v>
      </c>
      <c r="I23" s="92">
        <v>6.3670995554743912E-2</v>
      </c>
      <c r="J23" s="145">
        <v>0.32783314663242308</v>
      </c>
      <c r="K23" s="92">
        <v>7.6670479421735063E-2</v>
      </c>
      <c r="L23" s="145">
        <v>0.29084885863188709</v>
      </c>
      <c r="M23" s="92">
        <v>7.4325697646764124E-2</v>
      </c>
      <c r="N23" s="145">
        <v>0.15064707405733685</v>
      </c>
      <c r="O23" s="92">
        <v>5.9653076616648683E-2</v>
      </c>
    </row>
    <row r="24" spans="1:15">
      <c r="A24" s="52" t="s">
        <v>546</v>
      </c>
      <c r="B24" s="138">
        <v>65</v>
      </c>
      <c r="C24" s="139">
        <v>3.1978989855295459</v>
      </c>
      <c r="D24" s="125">
        <v>0.25608587686821188</v>
      </c>
      <c r="E24" s="117">
        <v>65</v>
      </c>
      <c r="F24" s="140">
        <v>6.4826151631404705E-2</v>
      </c>
      <c r="G24" s="89">
        <v>6.892296326637283E-2</v>
      </c>
      <c r="H24" s="141">
        <v>0.181361886139325</v>
      </c>
      <c r="I24" s="89">
        <v>9.6278632133494968E-2</v>
      </c>
      <c r="J24" s="141">
        <v>0.32487809851337579</v>
      </c>
      <c r="K24" s="89">
        <v>0.11364448244204725</v>
      </c>
      <c r="L24" s="141">
        <v>0.34895455250010776</v>
      </c>
      <c r="M24" s="89">
        <v>0.11540823231932257</v>
      </c>
      <c r="N24" s="141">
        <v>7.9979311215786164E-2</v>
      </c>
      <c r="O24" s="89">
        <v>7.360054143777843E-2</v>
      </c>
    </row>
    <row r="25" spans="1:15">
      <c r="A25" s="44" t="s">
        <v>547</v>
      </c>
      <c r="B25" s="142">
        <v>92</v>
      </c>
      <c r="C25" s="143">
        <v>2.9963426099300761</v>
      </c>
      <c r="D25" s="127">
        <v>0.2222556774454916</v>
      </c>
      <c r="E25" s="120">
        <v>92</v>
      </c>
      <c r="F25" s="144">
        <v>7.3328512209046806E-2</v>
      </c>
      <c r="G25" s="92">
        <v>5.8738863550500592E-2</v>
      </c>
      <c r="H25" s="145">
        <v>0.23295882030914902</v>
      </c>
      <c r="I25" s="92">
        <v>8.7680239882847011E-2</v>
      </c>
      <c r="J25" s="145">
        <v>0.41084760609668969</v>
      </c>
      <c r="K25" s="92">
        <v>0.10056100917046029</v>
      </c>
      <c r="L25" s="145">
        <v>0.18977166811290871</v>
      </c>
      <c r="M25" s="92">
        <v>8.2059792930168129E-2</v>
      </c>
      <c r="N25" s="145">
        <v>9.309339327220495E-2</v>
      </c>
      <c r="O25" s="92">
        <v>6.3880522978045057E-2</v>
      </c>
    </row>
    <row r="26" spans="1:15">
      <c r="A26" s="52" t="s">
        <v>551</v>
      </c>
      <c r="B26" s="138">
        <v>707</v>
      </c>
      <c r="C26" s="139">
        <v>3.2827972764142395</v>
      </c>
      <c r="D26" s="125">
        <v>7.6098669082232034E-2</v>
      </c>
      <c r="E26" s="117">
        <v>707</v>
      </c>
      <c r="F26" s="140">
        <v>5.4678291081621866E-2</v>
      </c>
      <c r="G26" s="89">
        <v>1.7415845652174251E-2</v>
      </c>
      <c r="H26" s="141">
        <v>0.16016393140303076</v>
      </c>
      <c r="I26" s="89">
        <v>2.7641184999094234E-2</v>
      </c>
      <c r="J26" s="141">
        <v>0.33928401102879779</v>
      </c>
      <c r="K26" s="89">
        <v>3.5535698032175246E-2</v>
      </c>
      <c r="L26" s="141">
        <v>0.33942974299259332</v>
      </c>
      <c r="M26" s="89">
        <v>3.5539362574393066E-2</v>
      </c>
      <c r="N26" s="141">
        <v>0.10644402349396026</v>
      </c>
      <c r="O26" s="89">
        <v>2.334255807746604E-2</v>
      </c>
    </row>
    <row r="27" spans="1:15">
      <c r="A27" s="44" t="s">
        <v>552</v>
      </c>
      <c r="B27" s="142">
        <v>197</v>
      </c>
      <c r="C27" s="143">
        <v>3.2277257061899762</v>
      </c>
      <c r="D27" s="127">
        <v>0.14516261325544505</v>
      </c>
      <c r="E27" s="120">
        <v>197</v>
      </c>
      <c r="F27" s="144">
        <v>8.9227668501718024E-2</v>
      </c>
      <c r="G27" s="92">
        <v>4.1827660029971979E-2</v>
      </c>
      <c r="H27" s="145">
        <v>0.12710483484820645</v>
      </c>
      <c r="I27" s="92">
        <v>4.8135068650927586E-2</v>
      </c>
      <c r="J27" s="145">
        <v>0.31615301023058273</v>
      </c>
      <c r="K27" s="92">
        <v>6.579512313466658E-2</v>
      </c>
      <c r="L27" s="145">
        <v>0.40174309479736758</v>
      </c>
      <c r="M27" s="92">
        <v>6.9213925013332761E-2</v>
      </c>
      <c r="N27" s="145">
        <v>6.5771391622125724E-2</v>
      </c>
      <c r="O27" s="92">
        <v>3.7022380904578961E-2</v>
      </c>
    </row>
    <row r="28" spans="1:15">
      <c r="A28" s="52" t="s">
        <v>553</v>
      </c>
      <c r="B28" s="138">
        <v>257</v>
      </c>
      <c r="C28" s="139">
        <v>3.195299506345969</v>
      </c>
      <c r="D28" s="125">
        <v>0.12801324610865852</v>
      </c>
      <c r="E28" s="117">
        <v>257</v>
      </c>
      <c r="F28" s="140">
        <v>5.3693394927749959E-2</v>
      </c>
      <c r="G28" s="89">
        <v>2.95221346391434E-2</v>
      </c>
      <c r="H28" s="141">
        <v>0.19357289153699164</v>
      </c>
      <c r="I28" s="89">
        <v>4.9357319334981414E-2</v>
      </c>
      <c r="J28" s="141">
        <v>0.36918066499488467</v>
      </c>
      <c r="K28" s="89">
        <v>5.980899864309204E-2</v>
      </c>
      <c r="L28" s="141">
        <v>0.27084690934228817</v>
      </c>
      <c r="M28" s="89">
        <v>5.523701133749627E-2</v>
      </c>
      <c r="N28" s="141">
        <v>0.11270613919808657</v>
      </c>
      <c r="O28" s="89">
        <v>4.0031755537232303E-2</v>
      </c>
    </row>
    <row r="29" spans="1:15">
      <c r="A29" s="44" t="s">
        <v>554</v>
      </c>
      <c r="B29" s="142">
        <v>227</v>
      </c>
      <c r="C29" s="143">
        <v>3.4114460515210498</v>
      </c>
      <c r="D29" s="127">
        <v>0.13018102457364464</v>
      </c>
      <c r="E29" s="120">
        <v>227</v>
      </c>
      <c r="F29" s="144">
        <v>3.1415447917779678E-2</v>
      </c>
      <c r="G29" s="92">
        <v>2.5640500782800512E-2</v>
      </c>
      <c r="H29" s="145">
        <v>0.1475998942733274</v>
      </c>
      <c r="I29" s="92">
        <v>4.7459755048805251E-2</v>
      </c>
      <c r="J29" s="145">
        <v>0.32765039157289061</v>
      </c>
      <c r="K29" s="92">
        <v>6.190558782192053E-2</v>
      </c>
      <c r="L29" s="145">
        <v>0.36479169084206975</v>
      </c>
      <c r="M29" s="92">
        <v>6.3429594162494468E-2</v>
      </c>
      <c r="N29" s="145">
        <v>0.12854257539393341</v>
      </c>
      <c r="O29" s="92">
        <v>4.4963969901641143E-2</v>
      </c>
    </row>
    <row r="32" spans="1:15" ht="18.75">
      <c r="A32" s="344" t="s">
        <v>205</v>
      </c>
      <c r="B32" s="344"/>
      <c r="C32" s="344"/>
      <c r="D32" s="344"/>
      <c r="E32" s="344"/>
      <c r="F32" s="344"/>
      <c r="G32" s="344"/>
      <c r="H32" s="344"/>
      <c r="I32" s="344"/>
      <c r="J32" s="227"/>
      <c r="K32" s="227"/>
    </row>
    <row r="33" spans="1:11" ht="81" customHeight="1">
      <c r="A33" s="399" t="s">
        <v>206</v>
      </c>
      <c r="B33" s="399"/>
      <c r="C33" s="399"/>
      <c r="D33" s="399"/>
      <c r="E33" s="399"/>
      <c r="F33" s="399"/>
      <c r="G33" s="399"/>
      <c r="H33" s="399"/>
      <c r="I33" s="399"/>
      <c r="J33" s="227"/>
      <c r="K33" s="227"/>
    </row>
    <row r="34" spans="1:11" ht="30" customHeight="1">
      <c r="A34" s="392" t="s">
        <v>205</v>
      </c>
      <c r="B34" s="392"/>
      <c r="C34" s="392"/>
      <c r="D34" s="392"/>
      <c r="E34" s="352" t="s">
        <v>207</v>
      </c>
      <c r="F34" s="353"/>
      <c r="G34" s="353"/>
      <c r="H34" s="353"/>
      <c r="I34" s="354"/>
    </row>
    <row r="35" spans="1:11" ht="72">
      <c r="A35" s="32" t="s">
        <v>71</v>
      </c>
      <c r="B35" s="33" t="s">
        <v>72</v>
      </c>
      <c r="C35" s="34" t="s">
        <v>592</v>
      </c>
      <c r="D35" s="35" t="s">
        <v>73</v>
      </c>
      <c r="E35" s="33" t="s">
        <v>72</v>
      </c>
      <c r="F35" s="33" t="s">
        <v>212</v>
      </c>
      <c r="G35" s="84" t="s">
        <v>209</v>
      </c>
      <c r="H35" s="33" t="s">
        <v>213</v>
      </c>
      <c r="I35" s="84" t="s">
        <v>211</v>
      </c>
    </row>
    <row r="36" spans="1:11" ht="84">
      <c r="A36" s="36"/>
      <c r="B36" s="37" t="s">
        <v>74</v>
      </c>
      <c r="C36" s="38" t="s">
        <v>289</v>
      </c>
      <c r="D36" s="39" t="s">
        <v>76</v>
      </c>
      <c r="E36" s="37" t="s">
        <v>74</v>
      </c>
      <c r="F36" s="37" t="s">
        <v>208</v>
      </c>
      <c r="G36" s="86" t="s">
        <v>88</v>
      </c>
      <c r="H36" s="37" t="s">
        <v>210</v>
      </c>
      <c r="I36" s="86" t="s">
        <v>88</v>
      </c>
    </row>
    <row r="37" spans="1:11">
      <c r="A37" s="40" t="s">
        <v>350</v>
      </c>
      <c r="B37" s="146">
        <v>13544</v>
      </c>
      <c r="C37" s="79">
        <v>12.519755301226652</v>
      </c>
      <c r="D37" s="80">
        <v>8.8934485141396194E-2</v>
      </c>
      <c r="E37" s="78">
        <v>13544</v>
      </c>
      <c r="F37" s="93">
        <v>0.84765803633467895</v>
      </c>
      <c r="G37" s="89">
        <v>6.1763582944921926E-3</v>
      </c>
      <c r="H37" s="93">
        <v>0.15234196366532649</v>
      </c>
      <c r="I37" s="89">
        <v>6.176358294492282E-3</v>
      </c>
    </row>
    <row r="38" spans="1:11">
      <c r="A38" s="44" t="s">
        <v>351</v>
      </c>
      <c r="B38" s="44">
        <v>10035</v>
      </c>
      <c r="C38" s="148">
        <v>11.796030889239407</v>
      </c>
      <c r="D38" s="149">
        <v>9.6483580813808797E-2</v>
      </c>
      <c r="E38" s="120">
        <v>10035</v>
      </c>
      <c r="F38" s="150">
        <v>0.88018330311680648</v>
      </c>
      <c r="G38" s="92">
        <v>6.4858513470029038E-3</v>
      </c>
      <c r="H38" s="150">
        <v>0.11981669688318362</v>
      </c>
      <c r="I38" s="92">
        <v>6.4858513470026739E-3</v>
      </c>
    </row>
    <row r="39" spans="1:11">
      <c r="A39" s="40" t="s">
        <v>352</v>
      </c>
      <c r="B39" s="48">
        <v>3509</v>
      </c>
      <c r="C39" s="79">
        <v>13.132194826746412</v>
      </c>
      <c r="D39" s="80">
        <v>0.19636422728631525</v>
      </c>
      <c r="E39" s="78">
        <v>3509</v>
      </c>
      <c r="F39" s="93">
        <v>0.82013408021889012</v>
      </c>
      <c r="G39" s="89">
        <v>1.2970325643831033E-2</v>
      </c>
      <c r="H39" s="93">
        <v>0.1798659197811093</v>
      </c>
      <c r="I39" s="89">
        <v>1.2970325643831018E-2</v>
      </c>
    </row>
    <row r="40" spans="1:11">
      <c r="A40" s="44" t="s">
        <v>534</v>
      </c>
      <c r="B40" s="44">
        <v>3118</v>
      </c>
      <c r="C40" s="148">
        <v>12.519623988820735</v>
      </c>
      <c r="D40" s="149">
        <v>0.17354690527660688</v>
      </c>
      <c r="E40" s="120">
        <v>3118</v>
      </c>
      <c r="F40" s="150">
        <v>0.84683830285491013</v>
      </c>
      <c r="G40" s="92">
        <v>1.2906367082969042E-2</v>
      </c>
      <c r="H40" s="150">
        <v>0.15316169714508912</v>
      </c>
      <c r="I40" s="92">
        <v>1.2906367082969016E-2</v>
      </c>
    </row>
    <row r="41" spans="1:11">
      <c r="A41" s="40" t="s">
        <v>535</v>
      </c>
      <c r="B41" s="48">
        <v>2480</v>
      </c>
      <c r="C41" s="79">
        <v>11.023392565007027</v>
      </c>
      <c r="D41" s="80">
        <v>0.17805460944070589</v>
      </c>
      <c r="E41" s="78">
        <v>2480</v>
      </c>
      <c r="F41" s="93">
        <v>0.92092897382874128</v>
      </c>
      <c r="G41" s="89">
        <v>1.0871002619789051E-2</v>
      </c>
      <c r="H41" s="93">
        <v>7.9071026171259357E-2</v>
      </c>
      <c r="I41" s="89">
        <v>1.0871002619789086E-2</v>
      </c>
    </row>
    <row r="42" spans="1:11">
      <c r="A42" s="44" t="s">
        <v>536</v>
      </c>
      <c r="B42" s="44">
        <v>355</v>
      </c>
      <c r="C42" s="148">
        <v>11.821509995160149</v>
      </c>
      <c r="D42" s="149">
        <v>0.50381959365171514</v>
      </c>
      <c r="E42" s="120">
        <v>355</v>
      </c>
      <c r="F42" s="150">
        <v>0.88430336655297015</v>
      </c>
      <c r="G42" s="92">
        <v>3.4298981854264263E-2</v>
      </c>
      <c r="H42" s="150">
        <v>0.11569663344703006</v>
      </c>
      <c r="I42" s="92">
        <v>3.429898185426429E-2</v>
      </c>
    </row>
    <row r="43" spans="1:11">
      <c r="A43" s="40" t="s">
        <v>537</v>
      </c>
      <c r="B43" s="48">
        <v>82</v>
      </c>
      <c r="C43" s="79">
        <v>11.639132118865732</v>
      </c>
      <c r="D43" s="80">
        <v>1.0286932009837209</v>
      </c>
      <c r="E43" s="78">
        <v>82</v>
      </c>
      <c r="F43" s="93">
        <v>0.90451559916157942</v>
      </c>
      <c r="G43" s="89">
        <v>6.8619205464768948E-2</v>
      </c>
      <c r="H43" s="93">
        <v>9.5484400838420622E-2</v>
      </c>
      <c r="I43" s="89">
        <v>6.8619205464768976E-2</v>
      </c>
    </row>
    <row r="44" spans="1:11">
      <c r="A44" s="44" t="s">
        <v>538</v>
      </c>
      <c r="B44" s="44">
        <v>62</v>
      </c>
      <c r="C44" s="148">
        <v>11.558296278547056</v>
      </c>
      <c r="D44" s="149">
        <v>1.1735231930974142</v>
      </c>
      <c r="E44" s="120">
        <v>62</v>
      </c>
      <c r="F44" s="150">
        <v>0.83119123419112739</v>
      </c>
      <c r="G44" s="92">
        <v>9.6359473463671907E-2</v>
      </c>
      <c r="H44" s="150">
        <v>0.16880876580887239</v>
      </c>
      <c r="I44" s="92">
        <v>9.6359473463671866E-2</v>
      </c>
    </row>
    <row r="45" spans="1:11">
      <c r="A45" s="40" t="s">
        <v>539</v>
      </c>
      <c r="B45" s="48">
        <v>62</v>
      </c>
      <c r="C45" s="79">
        <v>12.693241071257065</v>
      </c>
      <c r="D45" s="80">
        <v>1.4825989163802225</v>
      </c>
      <c r="E45" s="78">
        <v>62</v>
      </c>
      <c r="F45" s="93">
        <v>0.84737569500614629</v>
      </c>
      <c r="G45" s="89">
        <v>9.3261946506344201E-2</v>
      </c>
      <c r="H45" s="93">
        <v>0.15262430499385402</v>
      </c>
      <c r="I45" s="89">
        <v>9.326194650634427E-2</v>
      </c>
    </row>
    <row r="46" spans="1:11">
      <c r="A46" s="44" t="s">
        <v>540</v>
      </c>
      <c r="B46" s="44">
        <v>74</v>
      </c>
      <c r="C46" s="148">
        <v>10.807613043558488</v>
      </c>
      <c r="D46" s="149">
        <v>0.98205224543607761</v>
      </c>
      <c r="E46" s="120">
        <v>74</v>
      </c>
      <c r="F46" s="150">
        <v>0.89105975214019972</v>
      </c>
      <c r="G46" s="92">
        <v>7.5906483899375349E-2</v>
      </c>
      <c r="H46" s="150">
        <v>0.10894024785979985</v>
      </c>
      <c r="I46" s="92">
        <v>7.5906483899375238E-2</v>
      </c>
    </row>
    <row r="47" spans="1:11">
      <c r="A47" s="40" t="s">
        <v>541</v>
      </c>
      <c r="B47" s="146">
        <v>75</v>
      </c>
      <c r="C47" s="79">
        <v>12.12909158118072</v>
      </c>
      <c r="D47" s="80">
        <v>0.95731215314470874</v>
      </c>
      <c r="E47" s="78">
        <v>75</v>
      </c>
      <c r="F47" s="93">
        <v>0.94025242135348874</v>
      </c>
      <c r="G47" s="89">
        <v>6.175019874460342E-2</v>
      </c>
      <c r="H47" s="93">
        <v>5.9747578646511305E-2</v>
      </c>
      <c r="I47" s="89">
        <v>6.1750198744603441E-2</v>
      </c>
    </row>
    <row r="48" spans="1:11">
      <c r="A48" s="44" t="s">
        <v>542</v>
      </c>
      <c r="B48" s="147">
        <v>601</v>
      </c>
      <c r="C48" s="148">
        <v>10.821186599073197</v>
      </c>
      <c r="D48" s="149">
        <v>0.35570638734965876</v>
      </c>
      <c r="E48" s="120">
        <v>601</v>
      </c>
      <c r="F48" s="150">
        <v>0.92548717353073595</v>
      </c>
      <c r="G48" s="92">
        <v>2.1718965315351346E-2</v>
      </c>
      <c r="H48" s="150">
        <v>7.4512826469263549E-2</v>
      </c>
      <c r="I48" s="92">
        <v>2.1718965315351269E-2</v>
      </c>
    </row>
    <row r="49" spans="1:9">
      <c r="A49" s="40" t="s">
        <v>543</v>
      </c>
      <c r="B49" s="78">
        <v>59</v>
      </c>
      <c r="C49" s="79">
        <v>11.127593862378115</v>
      </c>
      <c r="D49" s="80">
        <v>1.2494801343945885</v>
      </c>
      <c r="E49" s="78">
        <v>59</v>
      </c>
      <c r="F49" s="93">
        <v>0.86229166274014157</v>
      </c>
      <c r="G49" s="89">
        <v>9.2541869584595149E-2</v>
      </c>
      <c r="H49" s="93">
        <v>0.13770833725985837</v>
      </c>
      <c r="I49" s="89">
        <v>9.2541869584595149E-2</v>
      </c>
    </row>
    <row r="50" spans="1:9">
      <c r="A50" s="44" t="s">
        <v>550</v>
      </c>
      <c r="B50" s="147">
        <v>106</v>
      </c>
      <c r="C50" s="148">
        <v>11.453161338657749</v>
      </c>
      <c r="D50" s="149">
        <v>1.0179959899141016</v>
      </c>
      <c r="E50" s="120">
        <v>106</v>
      </c>
      <c r="F50" s="150">
        <v>0.81800406941893344</v>
      </c>
      <c r="G50" s="92">
        <v>7.5340283003131461E-2</v>
      </c>
      <c r="H50" s="150">
        <v>0.18199593058106703</v>
      </c>
      <c r="I50" s="92">
        <v>7.5340283003131517E-2</v>
      </c>
    </row>
    <row r="51" spans="1:9">
      <c r="A51" s="52" t="s">
        <v>544</v>
      </c>
      <c r="B51" s="146">
        <v>119</v>
      </c>
      <c r="C51" s="79">
        <v>11.683488005821458</v>
      </c>
      <c r="D51" s="80">
        <v>0.81063613950858349</v>
      </c>
      <c r="E51" s="78">
        <v>119</v>
      </c>
      <c r="F51" s="93">
        <v>0.93740175148875882</v>
      </c>
      <c r="G51" s="89">
        <v>4.8024712181086213E-2</v>
      </c>
      <c r="H51" s="93">
        <v>6.2598248511241045E-2</v>
      </c>
      <c r="I51" s="89">
        <v>4.8024712181086164E-2</v>
      </c>
    </row>
    <row r="52" spans="1:9">
      <c r="A52" s="44" t="s">
        <v>545</v>
      </c>
      <c r="B52" s="147">
        <v>154</v>
      </c>
      <c r="C52" s="148">
        <v>10.426417231187443</v>
      </c>
      <c r="D52" s="149">
        <v>0.57251187604692344</v>
      </c>
      <c r="E52" s="120">
        <v>154</v>
      </c>
      <c r="F52" s="150">
        <v>0.98080713262908314</v>
      </c>
      <c r="G52" s="92">
        <v>2.7733553265741437E-2</v>
      </c>
      <c r="H52" s="150">
        <v>1.9192867370916872E-2</v>
      </c>
      <c r="I52" s="92">
        <v>2.773355326574142E-2</v>
      </c>
    </row>
    <row r="53" spans="1:9">
      <c r="A53" s="52" t="s">
        <v>546</v>
      </c>
      <c r="B53" s="146">
        <v>69</v>
      </c>
      <c r="C53" s="79">
        <v>9.0340844631825501</v>
      </c>
      <c r="D53" s="80">
        <v>0.77992347392395323</v>
      </c>
      <c r="E53" s="78">
        <v>69</v>
      </c>
      <c r="F53" s="93">
        <v>1</v>
      </c>
      <c r="G53" s="89">
        <v>3.821112970151376E-2</v>
      </c>
      <c r="H53" s="93">
        <v>0</v>
      </c>
      <c r="I53" s="89">
        <v>3.821112970151376E-2</v>
      </c>
    </row>
    <row r="54" spans="1:9">
      <c r="A54" s="44" t="s">
        <v>547</v>
      </c>
      <c r="B54" s="147">
        <v>94</v>
      </c>
      <c r="C54" s="148">
        <v>10.686334189994655</v>
      </c>
      <c r="D54" s="149">
        <v>0.93519492622773859</v>
      </c>
      <c r="E54" s="120">
        <v>94</v>
      </c>
      <c r="F54" s="150">
        <v>0.93345940070360289</v>
      </c>
      <c r="G54" s="92">
        <v>5.6111278582888523E-2</v>
      </c>
      <c r="H54" s="150">
        <v>6.6540599296397107E-2</v>
      </c>
      <c r="I54" s="92">
        <v>5.6111278582888509E-2</v>
      </c>
    </row>
    <row r="55" spans="1:9">
      <c r="A55" s="52" t="s">
        <v>551</v>
      </c>
      <c r="B55" s="146">
        <v>707</v>
      </c>
      <c r="C55" s="79">
        <v>13.069539768165457</v>
      </c>
      <c r="D55" s="80">
        <v>0.43248061705430696</v>
      </c>
      <c r="E55" s="78">
        <v>707</v>
      </c>
      <c r="F55" s="93">
        <v>0.8194926222643093</v>
      </c>
      <c r="G55" s="89">
        <v>2.8959427733028859E-2</v>
      </c>
      <c r="H55" s="93">
        <v>0.18050737773568992</v>
      </c>
      <c r="I55" s="89">
        <v>2.8959427733028804E-2</v>
      </c>
    </row>
    <row r="56" spans="1:9">
      <c r="A56" s="44" t="s">
        <v>552</v>
      </c>
      <c r="B56" s="147">
        <v>198</v>
      </c>
      <c r="C56" s="148">
        <v>12.136658149572019</v>
      </c>
      <c r="D56" s="149">
        <v>0.80651883344020348</v>
      </c>
      <c r="E56" s="120">
        <v>198</v>
      </c>
      <c r="F56" s="150">
        <v>0.8418581642838997</v>
      </c>
      <c r="G56" s="92">
        <v>5.2221077271339324E-2</v>
      </c>
      <c r="H56" s="150">
        <v>0.15814183571610005</v>
      </c>
      <c r="I56" s="92">
        <v>5.2221077271339282E-2</v>
      </c>
    </row>
    <row r="57" spans="1:9">
      <c r="A57" s="52" t="s">
        <v>553</v>
      </c>
      <c r="B57" s="146">
        <v>255</v>
      </c>
      <c r="C57" s="79">
        <v>14.115840683160826</v>
      </c>
      <c r="D57" s="80">
        <v>0.72310895356215277</v>
      </c>
      <c r="E57" s="78">
        <v>255</v>
      </c>
      <c r="F57" s="93">
        <v>0.78611724664580396</v>
      </c>
      <c r="G57" s="89">
        <v>5.1336723922154069E-2</v>
      </c>
      <c r="H57" s="93">
        <v>0.21388275335419682</v>
      </c>
      <c r="I57" s="89">
        <v>5.1336723922154125E-2</v>
      </c>
    </row>
    <row r="58" spans="1:9">
      <c r="A58" s="44" t="s">
        <v>554</v>
      </c>
      <c r="B58" s="147">
        <v>227</v>
      </c>
      <c r="C58" s="148">
        <v>12.339986271893769</v>
      </c>
      <c r="D58" s="149">
        <v>0.72795046165477284</v>
      </c>
      <c r="E58" s="120">
        <v>227</v>
      </c>
      <c r="F58" s="150">
        <v>0.84541924796324497</v>
      </c>
      <c r="G58" s="92">
        <v>4.8310301082223506E-2</v>
      </c>
      <c r="H58" s="150">
        <v>0.15458075203675517</v>
      </c>
      <c r="I58" s="92">
        <v>4.831030108222352E-2</v>
      </c>
    </row>
    <row r="61" spans="1:9" ht="18.75">
      <c r="A61" s="344" t="s">
        <v>353</v>
      </c>
      <c r="B61" s="344"/>
      <c r="C61" s="344"/>
      <c r="D61" s="344"/>
    </row>
    <row r="62" spans="1:9" ht="97.5" customHeight="1">
      <c r="A62" s="367" t="s">
        <v>381</v>
      </c>
      <c r="B62" s="367"/>
      <c r="C62" s="367"/>
      <c r="D62" s="367"/>
    </row>
    <row r="63" spans="1:9" ht="36" customHeight="1">
      <c r="A63" s="401" t="s">
        <v>119</v>
      </c>
      <c r="B63" s="392"/>
      <c r="C63" s="392"/>
      <c r="D63" s="392"/>
    </row>
    <row r="64" spans="1:9" ht="72">
      <c r="A64" s="32" t="s">
        <v>71</v>
      </c>
      <c r="B64" s="33" t="s">
        <v>72</v>
      </c>
      <c r="C64" s="34" t="s">
        <v>592</v>
      </c>
      <c r="D64" s="35" t="s">
        <v>73</v>
      </c>
    </row>
    <row r="65" spans="1:4" ht="84">
      <c r="A65" s="36"/>
      <c r="B65" s="37" t="s">
        <v>74</v>
      </c>
      <c r="C65" s="38" t="s">
        <v>120</v>
      </c>
      <c r="D65" s="39" t="s">
        <v>76</v>
      </c>
    </row>
    <row r="66" spans="1:4">
      <c r="A66" s="40" t="s">
        <v>350</v>
      </c>
      <c r="B66" s="151">
        <v>10264</v>
      </c>
      <c r="C66" s="79">
        <v>5.3006208479915813</v>
      </c>
      <c r="D66" s="80">
        <v>2.6719251846929002E-2</v>
      </c>
    </row>
    <row r="67" spans="1:4">
      <c r="A67" s="44" t="s">
        <v>351</v>
      </c>
      <c r="B67" s="44">
        <v>8119</v>
      </c>
      <c r="C67" s="153">
        <v>5.3656834675598448</v>
      </c>
      <c r="D67" s="154">
        <v>2.9672117658980486E-2</v>
      </c>
    </row>
    <row r="68" spans="1:4">
      <c r="A68" s="40" t="s">
        <v>352</v>
      </c>
      <c r="B68" s="48">
        <v>2145</v>
      </c>
      <c r="C68" s="79">
        <v>5.2304402162232035</v>
      </c>
      <c r="D68" s="80">
        <v>6.035898468368902E-2</v>
      </c>
    </row>
    <row r="69" spans="1:4">
      <c r="A69" s="44" t="s">
        <v>534</v>
      </c>
      <c r="B69" s="44">
        <v>2497</v>
      </c>
      <c r="C69" s="153">
        <v>5.4211147633404888</v>
      </c>
      <c r="D69" s="154">
        <v>5.2250035130289946E-2</v>
      </c>
    </row>
    <row r="70" spans="1:4">
      <c r="A70" s="40" t="s">
        <v>535</v>
      </c>
      <c r="B70" s="48">
        <v>2094</v>
      </c>
      <c r="C70" s="79">
        <v>5.4601190524570171</v>
      </c>
      <c r="D70" s="80">
        <v>5.7016196409155569E-2</v>
      </c>
    </row>
    <row r="71" spans="1:4">
      <c r="A71" s="44" t="s">
        <v>536</v>
      </c>
      <c r="B71" s="44">
        <v>294</v>
      </c>
      <c r="C71" s="153">
        <v>5.2929200616318983</v>
      </c>
      <c r="D71" s="154">
        <v>0.15266858924424434</v>
      </c>
    </row>
    <row r="72" spans="1:4">
      <c r="A72" s="40" t="s">
        <v>537</v>
      </c>
      <c r="B72" s="48">
        <v>70</v>
      </c>
      <c r="C72" s="79">
        <v>5.4538020848678288</v>
      </c>
      <c r="D72" s="80">
        <v>0.32174259823173584</v>
      </c>
    </row>
    <row r="73" spans="1:4">
      <c r="A73" s="44" t="s">
        <v>538</v>
      </c>
      <c r="B73" s="44">
        <v>49</v>
      </c>
      <c r="C73" s="153">
        <v>5.2513143342534452</v>
      </c>
      <c r="D73" s="154">
        <v>0.40996386471294072</v>
      </c>
    </row>
    <row r="74" spans="1:4">
      <c r="A74" s="40" t="s">
        <v>539</v>
      </c>
      <c r="B74" s="48">
        <v>46</v>
      </c>
      <c r="C74" s="79">
        <v>5.2463591351111987</v>
      </c>
      <c r="D74" s="80">
        <v>0.34129013239180472</v>
      </c>
    </row>
    <row r="75" spans="1:4">
      <c r="A75" s="44" t="s">
        <v>540</v>
      </c>
      <c r="B75" s="44">
        <v>67</v>
      </c>
      <c r="C75" s="153">
        <v>5.2973290468868237</v>
      </c>
      <c r="D75" s="154">
        <v>0.30545919420649154</v>
      </c>
    </row>
    <row r="76" spans="1:4">
      <c r="A76" s="40" t="s">
        <v>541</v>
      </c>
      <c r="B76" s="151">
        <v>62</v>
      </c>
      <c r="C76" s="79">
        <v>5.1930000593449401</v>
      </c>
      <c r="D76" s="80">
        <v>0.33682417594904596</v>
      </c>
    </row>
    <row r="77" spans="1:4">
      <c r="A77" s="44" t="s">
        <v>542</v>
      </c>
      <c r="B77" s="152">
        <v>519</v>
      </c>
      <c r="C77" s="153">
        <v>5.5616983343437472</v>
      </c>
      <c r="D77" s="154">
        <v>0.11571468325121505</v>
      </c>
    </row>
    <row r="78" spans="1:4">
      <c r="A78" s="40" t="s">
        <v>543</v>
      </c>
      <c r="B78" s="78">
        <v>51</v>
      </c>
      <c r="C78" s="79">
        <v>5.6360846448229811</v>
      </c>
      <c r="D78" s="80">
        <v>0.37475569748751064</v>
      </c>
    </row>
    <row r="79" spans="1:4">
      <c r="A79" s="44" t="s">
        <v>550</v>
      </c>
      <c r="B79" s="152">
        <v>92</v>
      </c>
      <c r="C79" s="153">
        <v>5.2562434323873388</v>
      </c>
      <c r="D79" s="154">
        <v>0.32211275535595785</v>
      </c>
    </row>
    <row r="80" spans="1:4">
      <c r="A80" s="52" t="s">
        <v>544</v>
      </c>
      <c r="B80" s="151">
        <v>106</v>
      </c>
      <c r="C80" s="79">
        <v>5.4491625301036137</v>
      </c>
      <c r="D80" s="80">
        <v>0.26401658357890717</v>
      </c>
    </row>
    <row r="81" spans="1:26">
      <c r="A81" s="44" t="s">
        <v>545</v>
      </c>
      <c r="B81" s="152">
        <v>128</v>
      </c>
      <c r="C81" s="153">
        <v>5.74762938968738</v>
      </c>
      <c r="D81" s="154">
        <v>0.19731882304771547</v>
      </c>
    </row>
    <row r="82" spans="1:26">
      <c r="A82" s="52" t="s">
        <v>546</v>
      </c>
      <c r="B82" s="151">
        <v>60</v>
      </c>
      <c r="C82" s="79">
        <v>5.7964078422513658</v>
      </c>
      <c r="D82" s="80">
        <v>0.30711849544568476</v>
      </c>
    </row>
    <row r="83" spans="1:26">
      <c r="A83" s="44" t="s">
        <v>547</v>
      </c>
      <c r="B83" s="152">
        <v>82</v>
      </c>
      <c r="C83" s="153">
        <v>5.5686117921381584</v>
      </c>
      <c r="D83" s="154">
        <v>0.29679876768362379</v>
      </c>
    </row>
    <row r="84" spans="1:26">
      <c r="A84" s="52" t="s">
        <v>551</v>
      </c>
      <c r="B84" s="151">
        <v>465</v>
      </c>
      <c r="C84" s="79">
        <v>5.4071016954015496</v>
      </c>
      <c r="D84" s="80">
        <v>0.11977532689223763</v>
      </c>
    </row>
    <row r="85" spans="1:26">
      <c r="A85" s="44" t="s">
        <v>552</v>
      </c>
      <c r="B85" s="152">
        <v>134</v>
      </c>
      <c r="C85" s="153">
        <v>5.5106078926732467</v>
      </c>
      <c r="D85" s="154">
        <v>0.21752874075227971</v>
      </c>
    </row>
    <row r="86" spans="1:26">
      <c r="A86" s="52" t="s">
        <v>553</v>
      </c>
      <c r="B86" s="151">
        <v>165</v>
      </c>
      <c r="C86" s="79">
        <v>5.3366562479659425</v>
      </c>
      <c r="D86" s="80">
        <v>0.19775331958576178</v>
      </c>
    </row>
    <row r="87" spans="1:26">
      <c r="A87" s="44" t="s">
        <v>554</v>
      </c>
      <c r="B87" s="152">
        <v>149</v>
      </c>
      <c r="C87" s="153">
        <v>5.3728960626550855</v>
      </c>
      <c r="D87" s="154">
        <v>0.22645134745757875</v>
      </c>
    </row>
    <row r="90" spans="1:26" ht="18.75">
      <c r="A90" s="344" t="s">
        <v>354</v>
      </c>
      <c r="B90" s="344"/>
      <c r="C90" s="344"/>
      <c r="D90" s="344"/>
      <c r="E90" s="344"/>
      <c r="F90" s="344"/>
      <c r="G90" s="344"/>
      <c r="H90" s="344"/>
      <c r="I90" s="344"/>
      <c r="J90" s="344"/>
      <c r="K90" s="344"/>
      <c r="L90" s="344"/>
      <c r="M90" s="344"/>
      <c r="N90" s="344"/>
      <c r="O90" s="344"/>
      <c r="P90" s="344"/>
      <c r="Q90" s="344"/>
      <c r="R90" s="344"/>
      <c r="S90" s="344"/>
      <c r="T90" s="344"/>
      <c r="U90" s="344"/>
      <c r="V90" s="344"/>
    </row>
    <row r="91" spans="1:26" ht="58.5" customHeight="1">
      <c r="A91" s="399" t="s">
        <v>606</v>
      </c>
      <c r="B91" s="399"/>
      <c r="C91" s="399"/>
      <c r="D91" s="399"/>
      <c r="E91" s="399"/>
      <c r="F91" s="399"/>
      <c r="G91" s="399"/>
      <c r="H91" s="399"/>
      <c r="I91" s="399"/>
      <c r="J91" s="399"/>
      <c r="K91" s="399"/>
      <c r="L91" s="399"/>
      <c r="M91" s="399"/>
      <c r="N91" s="399"/>
      <c r="O91" s="399"/>
      <c r="P91" s="399"/>
      <c r="Q91" s="399"/>
      <c r="R91" s="399"/>
      <c r="S91" s="399"/>
      <c r="T91" s="399"/>
      <c r="U91" s="399"/>
      <c r="V91" s="399"/>
    </row>
    <row r="92" spans="1:26" ht="38.25" customHeight="1">
      <c r="A92" s="59" t="s">
        <v>71</v>
      </c>
      <c r="B92" s="351" t="s">
        <v>290</v>
      </c>
      <c r="C92" s="351"/>
      <c r="D92" s="351"/>
      <c r="E92" s="351"/>
      <c r="F92" s="351"/>
      <c r="G92" s="351"/>
      <c r="H92" s="351"/>
      <c r="I92" s="393" t="s">
        <v>214</v>
      </c>
      <c r="J92" s="394"/>
      <c r="K92" s="394"/>
      <c r="L92" s="394"/>
      <c r="M92" s="394"/>
      <c r="N92" s="394"/>
      <c r="O92" s="395"/>
      <c r="P92" s="403" t="s">
        <v>230</v>
      </c>
      <c r="Q92" s="404"/>
      <c r="R92" s="404"/>
      <c r="S92" s="404"/>
      <c r="T92" s="404"/>
      <c r="U92" s="404"/>
      <c r="V92" s="405"/>
    </row>
    <row r="93" spans="1:26" ht="72">
      <c r="A93" s="32" t="s">
        <v>71</v>
      </c>
      <c r="B93" s="33" t="s">
        <v>72</v>
      </c>
      <c r="C93" s="33" t="s">
        <v>156</v>
      </c>
      <c r="D93" s="84" t="s">
        <v>85</v>
      </c>
      <c r="E93" s="33" t="s">
        <v>157</v>
      </c>
      <c r="F93" s="84" t="s">
        <v>86</v>
      </c>
      <c r="G93" s="33" t="s">
        <v>158</v>
      </c>
      <c r="H93" s="84" t="s">
        <v>87</v>
      </c>
      <c r="I93" s="60" t="s">
        <v>72</v>
      </c>
      <c r="J93" s="60" t="s">
        <v>156</v>
      </c>
      <c r="K93" s="83" t="s">
        <v>85</v>
      </c>
      <c r="L93" s="60" t="s">
        <v>157</v>
      </c>
      <c r="M93" s="83" t="s">
        <v>86</v>
      </c>
      <c r="N93" s="60" t="s">
        <v>158</v>
      </c>
      <c r="O93" s="83" t="s">
        <v>87</v>
      </c>
      <c r="P93" s="33" t="s">
        <v>72</v>
      </c>
      <c r="Q93" s="33" t="s">
        <v>156</v>
      </c>
      <c r="R93" s="84" t="s">
        <v>85</v>
      </c>
      <c r="S93" s="33" t="s">
        <v>157</v>
      </c>
      <c r="T93" s="84" t="s">
        <v>86</v>
      </c>
      <c r="U93" s="33" t="s">
        <v>158</v>
      </c>
      <c r="V93" s="84" t="s">
        <v>87</v>
      </c>
      <c r="Z93" s="261"/>
    </row>
    <row r="94" spans="1:26" ht="72">
      <c r="A94" s="36"/>
      <c r="B94" s="37" t="s">
        <v>74</v>
      </c>
      <c r="C94" s="37" t="s">
        <v>159</v>
      </c>
      <c r="D94" s="86" t="s">
        <v>88</v>
      </c>
      <c r="E94" s="37" t="s">
        <v>160</v>
      </c>
      <c r="F94" s="86" t="s">
        <v>88</v>
      </c>
      <c r="G94" s="37" t="s">
        <v>161</v>
      </c>
      <c r="H94" s="86" t="s">
        <v>88</v>
      </c>
      <c r="I94" s="63" t="s">
        <v>74</v>
      </c>
      <c r="J94" s="63" t="s">
        <v>159</v>
      </c>
      <c r="K94" s="85" t="s">
        <v>88</v>
      </c>
      <c r="L94" s="63" t="s">
        <v>160</v>
      </c>
      <c r="M94" s="85" t="s">
        <v>88</v>
      </c>
      <c r="N94" s="63" t="s">
        <v>161</v>
      </c>
      <c r="O94" s="85" t="s">
        <v>88</v>
      </c>
      <c r="P94" s="37" t="s">
        <v>74</v>
      </c>
      <c r="Q94" s="37" t="s">
        <v>159</v>
      </c>
      <c r="R94" s="86" t="s">
        <v>88</v>
      </c>
      <c r="S94" s="37" t="s">
        <v>160</v>
      </c>
      <c r="T94" s="86" t="s">
        <v>88</v>
      </c>
      <c r="U94" s="37" t="s">
        <v>161</v>
      </c>
      <c r="V94" s="86" t="s">
        <v>88</v>
      </c>
    </row>
    <row r="95" spans="1:26">
      <c r="A95" s="40" t="s">
        <v>350</v>
      </c>
      <c r="B95" s="151">
        <v>10489</v>
      </c>
      <c r="C95" s="155">
        <v>0.14565470592678445</v>
      </c>
      <c r="D95" s="89">
        <v>6.8901089120470905E-3</v>
      </c>
      <c r="E95" s="155">
        <v>0.11374187917114803</v>
      </c>
      <c r="F95" s="89">
        <v>6.2024792183501959E-3</v>
      </c>
      <c r="G95" s="155">
        <v>0.74060341490207637</v>
      </c>
      <c r="H95" s="89">
        <v>8.5586450335398603E-3</v>
      </c>
      <c r="I95" s="151">
        <v>8312</v>
      </c>
      <c r="J95" s="155">
        <v>0.17744309172835074</v>
      </c>
      <c r="K95" s="89">
        <v>8.3817383862121574E-3</v>
      </c>
      <c r="L95" s="155">
        <v>0.12725743355485764</v>
      </c>
      <c r="M95" s="89">
        <v>7.313386375707615E-3</v>
      </c>
      <c r="N95" s="155">
        <v>0.69529947471679554</v>
      </c>
      <c r="O95" s="89">
        <v>1.0095617870299223E-2</v>
      </c>
      <c r="P95" s="151">
        <v>9626</v>
      </c>
      <c r="Q95" s="155">
        <v>0.11803423183595713</v>
      </c>
      <c r="R95" s="89">
        <v>6.5795974512955092E-3</v>
      </c>
      <c r="S95" s="155">
        <v>9.8303118975524198E-2</v>
      </c>
      <c r="T95" s="89">
        <v>6.0723788117061752E-3</v>
      </c>
      <c r="U95" s="155">
        <v>0.7836626491885258</v>
      </c>
      <c r="V95" s="89">
        <v>8.3933003107519218E-3</v>
      </c>
    </row>
    <row r="96" spans="1:26">
      <c r="A96" s="44" t="s">
        <v>351</v>
      </c>
      <c r="B96" s="152">
        <v>8304</v>
      </c>
      <c r="C96" s="156">
        <v>0.14117205369926639</v>
      </c>
      <c r="D96" s="92">
        <v>7.6441833036109364E-3</v>
      </c>
      <c r="E96" s="156">
        <v>0.10912478663506393</v>
      </c>
      <c r="F96" s="92">
        <v>6.8466823336989779E-3</v>
      </c>
      <c r="G96" s="156">
        <v>0.74970315966567358</v>
      </c>
      <c r="H96" s="92">
        <v>9.5065635720665183E-3</v>
      </c>
      <c r="I96" s="152">
        <v>6561</v>
      </c>
      <c r="J96" s="156">
        <v>0.18181338833319408</v>
      </c>
      <c r="K96" s="92">
        <v>9.5242702048950346E-3</v>
      </c>
      <c r="L96" s="156">
        <v>0.11615278684473487</v>
      </c>
      <c r="M96" s="92">
        <v>7.9158101162414458E-3</v>
      </c>
      <c r="N96" s="156">
        <v>0.70203382482207477</v>
      </c>
      <c r="O96" s="92">
        <v>1.1290852762469328E-2</v>
      </c>
      <c r="P96" s="152">
        <v>7483</v>
      </c>
      <c r="Q96" s="156">
        <v>0.1084955098102466</v>
      </c>
      <c r="R96" s="92">
        <v>7.1946720727196229E-3</v>
      </c>
      <c r="S96" s="156">
        <v>9.3708972906481808E-2</v>
      </c>
      <c r="T96" s="92">
        <v>6.7429649963781906E-3</v>
      </c>
      <c r="U96" s="156">
        <v>0.79779551728327425</v>
      </c>
      <c r="V96" s="92">
        <v>9.2863435419072611E-3</v>
      </c>
    </row>
    <row r="97" spans="1:22">
      <c r="A97" s="40" t="s">
        <v>352</v>
      </c>
      <c r="B97" s="151">
        <v>2185</v>
      </c>
      <c r="C97" s="155">
        <v>0.15051110979782892</v>
      </c>
      <c r="D97" s="89">
        <v>1.5311803847051563E-2</v>
      </c>
      <c r="E97" s="155">
        <v>0.11874393262681573</v>
      </c>
      <c r="F97" s="89">
        <v>1.3863166707576252E-2</v>
      </c>
      <c r="G97" s="155">
        <v>0.73074495757535696</v>
      </c>
      <c r="H97" s="89">
        <v>1.897083291588551E-2</v>
      </c>
      <c r="I97" s="151">
        <v>1751</v>
      </c>
      <c r="J97" s="155">
        <v>0.17304257853131097</v>
      </c>
      <c r="K97" s="89">
        <v>1.809034547158658E-2</v>
      </c>
      <c r="L97" s="155">
        <v>0.13843885871080203</v>
      </c>
      <c r="M97" s="89">
        <v>1.6528919048341806E-2</v>
      </c>
      <c r="N97" s="155">
        <v>0.68851856275788648</v>
      </c>
      <c r="O97" s="89">
        <v>2.2117148296631313E-2</v>
      </c>
      <c r="P97" s="151">
        <v>2143</v>
      </c>
      <c r="Q97" s="155">
        <v>0.12820596607496557</v>
      </c>
      <c r="R97" s="89">
        <v>1.4463469709951262E-2</v>
      </c>
      <c r="S97" s="155">
        <v>0.10320214347204745</v>
      </c>
      <c r="T97" s="89">
        <v>1.317275053546128E-2</v>
      </c>
      <c r="U97" s="155">
        <v>0.76859189045298848</v>
      </c>
      <c r="V97" s="89">
        <v>1.821708124947044E-2</v>
      </c>
    </row>
    <row r="98" spans="1:22">
      <c r="A98" s="44" t="s">
        <v>534</v>
      </c>
      <c r="B98" s="152">
        <v>2564</v>
      </c>
      <c r="C98" s="156">
        <v>0.12499143351410126</v>
      </c>
      <c r="D98" s="92">
        <v>1.3078146261503464E-2</v>
      </c>
      <c r="E98" s="156">
        <v>9.8742208566393333E-2</v>
      </c>
      <c r="F98" s="92">
        <v>1.1806683792195391E-2</v>
      </c>
      <c r="G98" s="156">
        <v>0.77626635791950449</v>
      </c>
      <c r="H98" s="92">
        <v>1.6458883017295232E-2</v>
      </c>
      <c r="I98" s="152">
        <v>1996</v>
      </c>
      <c r="J98" s="156">
        <v>0.15810360367668466</v>
      </c>
      <c r="K98" s="92">
        <v>1.6344660240691616E-2</v>
      </c>
      <c r="L98" s="156">
        <v>0.11813407729786399</v>
      </c>
      <c r="M98" s="92">
        <v>1.4474883082374049E-2</v>
      </c>
      <c r="N98" s="156">
        <v>0.72376231902545585</v>
      </c>
      <c r="O98" s="92">
        <v>2.0006524066299526E-2</v>
      </c>
      <c r="P98" s="152">
        <v>2262</v>
      </c>
      <c r="Q98" s="156">
        <v>9.4915596519949436E-2</v>
      </c>
      <c r="R98" s="92">
        <v>1.2355819009446491E-2</v>
      </c>
      <c r="S98" s="156">
        <v>8.664810373427434E-2</v>
      </c>
      <c r="T98" s="92">
        <v>1.1864406738424454E-2</v>
      </c>
      <c r="U98" s="156">
        <v>0.81843629974577425</v>
      </c>
      <c r="V98" s="92">
        <v>1.6215451458930281E-2</v>
      </c>
    </row>
    <row r="99" spans="1:22">
      <c r="A99" s="40" t="s">
        <v>535</v>
      </c>
      <c r="B99" s="151">
        <v>2154</v>
      </c>
      <c r="C99" s="155">
        <v>0.13849655916386111</v>
      </c>
      <c r="D99" s="89">
        <v>1.4901547735767191E-2</v>
      </c>
      <c r="E99" s="155">
        <v>0.1012838686550802</v>
      </c>
      <c r="F99" s="89">
        <v>1.3031240764077813E-2</v>
      </c>
      <c r="G99" s="155">
        <v>0.76021957218105984</v>
      </c>
      <c r="H99" s="89">
        <v>1.8394128463752303E-2</v>
      </c>
      <c r="I99" s="151">
        <v>1666</v>
      </c>
      <c r="J99" s="155">
        <v>0.15786395104651768</v>
      </c>
      <c r="K99" s="89">
        <v>1.7882048999563666E-2</v>
      </c>
      <c r="L99" s="155">
        <v>0.10343909031476314</v>
      </c>
      <c r="M99" s="89">
        <v>1.4964379796743379E-2</v>
      </c>
      <c r="N99" s="155">
        <v>0.73869695863872198</v>
      </c>
      <c r="O99" s="89">
        <v>2.1517093893935205E-2</v>
      </c>
      <c r="P99" s="151">
        <v>1860</v>
      </c>
      <c r="Q99" s="155">
        <v>9.8890907087185453E-2</v>
      </c>
      <c r="R99" s="89">
        <v>1.3881879325116718E-2</v>
      </c>
      <c r="S99" s="155">
        <v>7.5921365700636526E-2</v>
      </c>
      <c r="T99" s="89">
        <v>1.2337209566557482E-2</v>
      </c>
      <c r="U99" s="155">
        <v>0.82518772721217848</v>
      </c>
      <c r="V99" s="89">
        <v>1.7621820331760185E-2</v>
      </c>
    </row>
    <row r="100" spans="1:22">
      <c r="A100" s="44" t="s">
        <v>536</v>
      </c>
      <c r="B100" s="152">
        <v>306</v>
      </c>
      <c r="C100" s="156">
        <v>0.17038306123066993</v>
      </c>
      <c r="D100" s="92">
        <v>4.3125979985276779E-2</v>
      </c>
      <c r="E100" s="156">
        <v>0.1121702054880141</v>
      </c>
      <c r="F100" s="92">
        <v>3.653449216281833E-2</v>
      </c>
      <c r="G100" s="156">
        <v>0.71744673328131536</v>
      </c>
      <c r="H100" s="92">
        <v>5.1296639446607971E-2</v>
      </c>
      <c r="I100" s="152">
        <v>244</v>
      </c>
      <c r="J100" s="156">
        <v>0.17118893112046479</v>
      </c>
      <c r="K100" s="92">
        <v>4.8417337434302953E-2</v>
      </c>
      <c r="L100" s="156">
        <v>0.13974544810813849</v>
      </c>
      <c r="M100" s="92">
        <v>4.4787933046832443E-2</v>
      </c>
      <c r="N100" s="156">
        <v>0.68906562077139744</v>
      </c>
      <c r="O100" s="92">
        <v>5.8942013951388095E-2</v>
      </c>
      <c r="P100" s="152">
        <v>256</v>
      </c>
      <c r="Q100" s="156">
        <v>0.13798341184763258</v>
      </c>
      <c r="R100" s="92">
        <v>4.349101823222383E-2</v>
      </c>
      <c r="S100" s="156">
        <v>9.4457923382533393E-2</v>
      </c>
      <c r="T100" s="92">
        <v>3.7325417190495425E-2</v>
      </c>
      <c r="U100" s="156">
        <v>0.76755866476983425</v>
      </c>
      <c r="V100" s="92">
        <v>5.2710838715240953E-2</v>
      </c>
    </row>
    <row r="101" spans="1:22">
      <c r="A101" s="40" t="s">
        <v>537</v>
      </c>
      <c r="B101" s="151">
        <v>70</v>
      </c>
      <c r="C101" s="155">
        <v>0.16921367608097079</v>
      </c>
      <c r="D101" s="89">
        <v>9.0670131669864679E-2</v>
      </c>
      <c r="E101" s="155">
        <v>4.4700600550275284E-2</v>
      </c>
      <c r="F101" s="89">
        <v>5.9049823971196042E-2</v>
      </c>
      <c r="G101" s="155">
        <v>0.7860857233687536</v>
      </c>
      <c r="H101" s="89">
        <v>9.7748694125648419E-2</v>
      </c>
      <c r="I101" s="151">
        <v>59</v>
      </c>
      <c r="J101" s="155">
        <v>0.16949736194456971</v>
      </c>
      <c r="K101" s="89">
        <v>9.8946320220048609E-2</v>
      </c>
      <c r="L101" s="155">
        <v>3.7990033201096111E-2</v>
      </c>
      <c r="M101" s="89">
        <v>6.3140799306611678E-2</v>
      </c>
      <c r="N101" s="155">
        <v>0.79251260485433395</v>
      </c>
      <c r="O101" s="89">
        <v>0.10539620498900944</v>
      </c>
      <c r="P101" s="151">
        <v>64</v>
      </c>
      <c r="Q101" s="155">
        <v>0.17859591266828825</v>
      </c>
      <c r="R101" s="89">
        <v>9.6556896194031155E-2</v>
      </c>
      <c r="S101" s="155">
        <v>6.0562843966046234E-2</v>
      </c>
      <c r="T101" s="89">
        <v>6.8145622366114239E-2</v>
      </c>
      <c r="U101" s="155">
        <v>0.76084124336566517</v>
      </c>
      <c r="V101" s="89">
        <v>0.10564393815030559</v>
      </c>
    </row>
    <row r="102" spans="1:22">
      <c r="A102" s="44" t="s">
        <v>538</v>
      </c>
      <c r="B102" s="152">
        <v>53</v>
      </c>
      <c r="C102" s="156">
        <v>0.21046425521737611</v>
      </c>
      <c r="D102" s="92">
        <v>0.11161398588177844</v>
      </c>
      <c r="E102" s="156">
        <v>0.11632824672691973</v>
      </c>
      <c r="F102" s="92">
        <v>9.2804748264116638E-2</v>
      </c>
      <c r="G102" s="156">
        <v>0.67320749805570401</v>
      </c>
      <c r="H102" s="92">
        <v>0.12539399369236906</v>
      </c>
      <c r="I102" s="152">
        <v>42</v>
      </c>
      <c r="J102" s="156">
        <v>0.20937964800213485</v>
      </c>
      <c r="K102" s="92">
        <v>0.124966047268881</v>
      </c>
      <c r="L102" s="156">
        <v>0.15268401042420526</v>
      </c>
      <c r="M102" s="92">
        <v>0.11399402386633377</v>
      </c>
      <c r="N102" s="156">
        <v>0.63793634157365953</v>
      </c>
      <c r="O102" s="92">
        <v>0.14268805854648556</v>
      </c>
      <c r="P102" s="152">
        <v>40</v>
      </c>
      <c r="Q102" s="156">
        <v>0.21370123986231246</v>
      </c>
      <c r="R102" s="92">
        <v>0.12872051972050402</v>
      </c>
      <c r="S102" s="156">
        <v>3.4534486354794378E-2</v>
      </c>
      <c r="T102" s="92">
        <v>8.0308316290655019E-2</v>
      </c>
      <c r="U102" s="156">
        <v>0.75176427378289301</v>
      </c>
      <c r="V102" s="92">
        <v>0.13403374617028246</v>
      </c>
    </row>
    <row r="103" spans="1:22">
      <c r="A103" s="40" t="s">
        <v>539</v>
      </c>
      <c r="B103" s="151">
        <v>50</v>
      </c>
      <c r="C103" s="155">
        <v>9.9175552975491535E-2</v>
      </c>
      <c r="D103" s="89">
        <v>9.1189563103236018E-2</v>
      </c>
      <c r="E103" s="155">
        <v>0.2131711169976177</v>
      </c>
      <c r="F103" s="89">
        <v>0.11529865966178555</v>
      </c>
      <c r="G103" s="155">
        <v>0.68765333002689066</v>
      </c>
      <c r="H103" s="89">
        <v>0.12760177231542505</v>
      </c>
      <c r="I103" s="151">
        <v>38</v>
      </c>
      <c r="J103" s="155">
        <v>0.16441705460573527</v>
      </c>
      <c r="K103" s="89">
        <v>0.1225962313453427</v>
      </c>
      <c r="L103" s="155">
        <v>0.18271457945325811</v>
      </c>
      <c r="M103" s="89">
        <v>0.12633745451417699</v>
      </c>
      <c r="N103" s="155">
        <v>0.65286836594100617</v>
      </c>
      <c r="O103" s="89">
        <v>0.14828238485647771</v>
      </c>
      <c r="P103" s="151">
        <v>44</v>
      </c>
      <c r="Q103" s="155">
        <v>9.3696622138442709E-2</v>
      </c>
      <c r="R103" s="89">
        <v>9.6300267602715928E-2</v>
      </c>
      <c r="S103" s="155">
        <v>0.16445618001795792</v>
      </c>
      <c r="T103" s="89">
        <v>0.11379565559522298</v>
      </c>
      <c r="U103" s="155">
        <v>0.74184719784359909</v>
      </c>
      <c r="V103" s="89">
        <v>0.12937416550169023</v>
      </c>
    </row>
    <row r="104" spans="1:22">
      <c r="A104" s="44" t="s">
        <v>540</v>
      </c>
      <c r="B104" s="152">
        <v>69</v>
      </c>
      <c r="C104" s="156">
        <v>0.14456477676035326</v>
      </c>
      <c r="D104" s="92">
        <v>8.6683595611784514E-2</v>
      </c>
      <c r="E104" s="156">
        <v>0.12073392256733491</v>
      </c>
      <c r="F104" s="92">
        <v>8.1590005161652421E-2</v>
      </c>
      <c r="G104" s="156">
        <v>0.73470130067231143</v>
      </c>
      <c r="H104" s="92">
        <v>0.1048904426464599</v>
      </c>
      <c r="I104" s="152">
        <v>58</v>
      </c>
      <c r="J104" s="156">
        <v>0.16970682142215648</v>
      </c>
      <c r="K104" s="92">
        <v>9.9847924380987871E-2</v>
      </c>
      <c r="L104" s="156">
        <v>0.1896700027075098</v>
      </c>
      <c r="M104" s="92">
        <v>0.10340052241586317</v>
      </c>
      <c r="N104" s="156">
        <v>0.64062317587033324</v>
      </c>
      <c r="O104" s="92">
        <v>0.12252568129293549</v>
      </c>
      <c r="P104" s="152">
        <v>59</v>
      </c>
      <c r="Q104" s="156">
        <v>7.7647587674516544E-2</v>
      </c>
      <c r="R104" s="92">
        <v>7.7069734341026389E-2</v>
      </c>
      <c r="S104" s="156">
        <v>0.10087667457348712</v>
      </c>
      <c r="T104" s="92">
        <v>8.3680001001492157E-2</v>
      </c>
      <c r="U104" s="156">
        <v>0.82147573775199589</v>
      </c>
      <c r="V104" s="92">
        <v>0.10058878058872901</v>
      </c>
    </row>
    <row r="105" spans="1:22">
      <c r="A105" s="40" t="s">
        <v>541</v>
      </c>
      <c r="B105" s="151">
        <v>64</v>
      </c>
      <c r="C105" s="155">
        <v>0.23065491219510106</v>
      </c>
      <c r="D105" s="89">
        <v>0.10452613285101442</v>
      </c>
      <c r="E105" s="155">
        <v>7.2373354047580205E-2</v>
      </c>
      <c r="F105" s="89">
        <v>7.1954306842137508E-2</v>
      </c>
      <c r="G105" s="155">
        <v>0.69697173375731836</v>
      </c>
      <c r="H105" s="89">
        <v>0.11262439972106666</v>
      </c>
      <c r="I105" s="151">
        <v>47</v>
      </c>
      <c r="J105" s="155">
        <v>0.14501730425577297</v>
      </c>
      <c r="K105" s="89">
        <v>0.10589629454689296</v>
      </c>
      <c r="L105" s="155">
        <v>0.15252397070997564</v>
      </c>
      <c r="M105" s="89">
        <v>0.10754195735376401</v>
      </c>
      <c r="N105" s="155">
        <v>0.70245872503425089</v>
      </c>
      <c r="O105" s="89">
        <v>0.12991340988808553</v>
      </c>
      <c r="P105" s="151">
        <v>49</v>
      </c>
      <c r="Q105" s="155">
        <v>0.13376908400895984</v>
      </c>
      <c r="R105" s="89">
        <v>0.10107207905247759</v>
      </c>
      <c r="S105" s="155">
        <v>0.1044985405762668</v>
      </c>
      <c r="T105" s="89">
        <v>9.3686913712010572E-2</v>
      </c>
      <c r="U105" s="155">
        <v>0.76173237541477301</v>
      </c>
      <c r="V105" s="89">
        <v>0.12020302607576573</v>
      </c>
    </row>
    <row r="106" spans="1:22">
      <c r="A106" s="44" t="s">
        <v>542</v>
      </c>
      <c r="B106" s="152">
        <v>528</v>
      </c>
      <c r="C106" s="156">
        <v>0.14747923909723348</v>
      </c>
      <c r="D106" s="92">
        <v>3.09730446661226E-2</v>
      </c>
      <c r="E106" s="156">
        <v>9.359871650150664E-2</v>
      </c>
      <c r="F106" s="92">
        <v>2.5621932998605587E-2</v>
      </c>
      <c r="G106" s="156">
        <v>0.75892204440125444</v>
      </c>
      <c r="H106" s="92">
        <v>3.7191206279547043E-2</v>
      </c>
      <c r="I106" s="152">
        <v>415</v>
      </c>
      <c r="J106" s="156">
        <v>0.16302967970196988</v>
      </c>
      <c r="K106" s="92">
        <v>3.6376269471966399E-2</v>
      </c>
      <c r="L106" s="156">
        <v>7.9049581121333146E-2</v>
      </c>
      <c r="M106" s="92">
        <v>2.6965526454221414E-2</v>
      </c>
      <c r="N106" s="156">
        <v>0.75792073917669645</v>
      </c>
      <c r="O106" s="92">
        <v>4.1995676622533E-2</v>
      </c>
      <c r="P106" s="152">
        <v>453</v>
      </c>
      <c r="Q106" s="156">
        <v>8.5390053482177763E-2</v>
      </c>
      <c r="R106" s="92">
        <v>2.6642069992828692E-2</v>
      </c>
      <c r="S106" s="156">
        <v>4.9583761933852631E-2</v>
      </c>
      <c r="T106" s="92">
        <v>2.1057613741343018E-2</v>
      </c>
      <c r="U106" s="156">
        <v>0.8650261845839663</v>
      </c>
      <c r="V106" s="92">
        <v>3.2284048077807485E-2</v>
      </c>
    </row>
    <row r="107" spans="1:22">
      <c r="A107" s="40" t="s">
        <v>543</v>
      </c>
      <c r="B107" s="151">
        <v>51</v>
      </c>
      <c r="C107" s="155">
        <v>9.9113279651997621E-2</v>
      </c>
      <c r="D107" s="89">
        <v>9.0177934760942907E-2</v>
      </c>
      <c r="E107" s="155">
        <v>6.3274397211999567E-2</v>
      </c>
      <c r="F107" s="89">
        <v>7.908769294624958E-2</v>
      </c>
      <c r="G107" s="155">
        <v>0.83761232313600287</v>
      </c>
      <c r="H107" s="89">
        <v>0.10513861001129232</v>
      </c>
      <c r="I107" s="151">
        <v>38</v>
      </c>
      <c r="J107" s="155">
        <v>0.1902955470065324</v>
      </c>
      <c r="K107" s="89">
        <v>0.12779560822485131</v>
      </c>
      <c r="L107" s="155">
        <v>8.7946254459708634E-2</v>
      </c>
      <c r="M107" s="89">
        <v>0.10282315260354698</v>
      </c>
      <c r="N107" s="155">
        <v>0.72175819853375955</v>
      </c>
      <c r="O107" s="89">
        <v>0.1413352126254741</v>
      </c>
      <c r="P107" s="151">
        <v>41</v>
      </c>
      <c r="Q107" s="155">
        <v>5.9529207628966477E-2</v>
      </c>
      <c r="R107" s="89">
        <v>8.8916438613502458E-2</v>
      </c>
      <c r="S107" s="155">
        <v>2.2723721322599429E-2</v>
      </c>
      <c r="T107" s="89">
        <v>7.3577763014484057E-2</v>
      </c>
      <c r="U107" s="155">
        <v>0.917747071048434</v>
      </c>
      <c r="V107" s="89">
        <v>9.6670337620387986E-2</v>
      </c>
    </row>
    <row r="108" spans="1:22">
      <c r="A108" s="44" t="s">
        <v>550</v>
      </c>
      <c r="B108" s="152">
        <v>94</v>
      </c>
      <c r="C108" s="156">
        <v>0.20779741208535607</v>
      </c>
      <c r="D108" s="92">
        <v>8.3652681114837105E-2</v>
      </c>
      <c r="E108" s="156">
        <v>0.10673495996283186</v>
      </c>
      <c r="F108" s="92">
        <v>6.6304814527235995E-2</v>
      </c>
      <c r="G108" s="156">
        <v>0.68546762795181193</v>
      </c>
      <c r="H108" s="92">
        <v>9.4405221261022576E-2</v>
      </c>
      <c r="I108" s="152">
        <v>73</v>
      </c>
      <c r="J108" s="156">
        <v>0.20658777474787793</v>
      </c>
      <c r="K108" s="92">
        <v>9.4696078018025501E-2</v>
      </c>
      <c r="L108" s="156">
        <v>8.8787112735642063E-2</v>
      </c>
      <c r="M108" s="92">
        <v>7.1356452346489588E-2</v>
      </c>
      <c r="N108" s="156">
        <v>0.70462511251647963</v>
      </c>
      <c r="O108" s="92">
        <v>0.10503329050468989</v>
      </c>
      <c r="P108" s="152">
        <v>84</v>
      </c>
      <c r="Q108" s="156">
        <v>0.15169065785105798</v>
      </c>
      <c r="R108" s="92">
        <v>7.9618116492846253E-2</v>
      </c>
      <c r="S108" s="156">
        <v>4.8298682925180497E-2</v>
      </c>
      <c r="T108" s="92">
        <v>5.3975126784151679E-2</v>
      </c>
      <c r="U108" s="156">
        <v>0.80001065922376158</v>
      </c>
      <c r="V108" s="92">
        <v>8.7383699418428218E-2</v>
      </c>
    </row>
    <row r="109" spans="1:22">
      <c r="A109" s="52" t="s">
        <v>544</v>
      </c>
      <c r="B109" s="151">
        <v>109</v>
      </c>
      <c r="C109" s="155">
        <v>0.12569783185472322</v>
      </c>
      <c r="D109" s="89">
        <v>6.5077507983981583E-2</v>
      </c>
      <c r="E109" s="155">
        <v>0.12506344508844017</v>
      </c>
      <c r="F109" s="89">
        <v>6.4957117273875029E-2</v>
      </c>
      <c r="G109" s="155">
        <v>0.74923872305683725</v>
      </c>
      <c r="H109" s="89">
        <v>8.2483592881136145E-2</v>
      </c>
      <c r="I109" s="151">
        <v>91</v>
      </c>
      <c r="J109" s="155">
        <v>0.17805016251143266</v>
      </c>
      <c r="K109" s="89">
        <v>8.0757755222463187E-2</v>
      </c>
      <c r="L109" s="155">
        <v>6.7307701227190084E-2</v>
      </c>
      <c r="M109" s="89">
        <v>5.7385702301248814E-2</v>
      </c>
      <c r="N109" s="155">
        <v>0.75464213626137711</v>
      </c>
      <c r="O109" s="89">
        <v>8.9561001134843041E-2</v>
      </c>
      <c r="P109" s="151">
        <v>91</v>
      </c>
      <c r="Q109" s="155">
        <v>9.9215922494036879E-2</v>
      </c>
      <c r="R109" s="89">
        <v>6.5731162719054159E-2</v>
      </c>
      <c r="S109" s="155">
        <v>5.7238525569624728E-2</v>
      </c>
      <c r="T109" s="89">
        <v>5.4337413885681654E-2</v>
      </c>
      <c r="U109" s="155">
        <v>0.84354555193633862</v>
      </c>
      <c r="V109" s="89">
        <v>7.7243576540328471E-2</v>
      </c>
    </row>
    <row r="110" spans="1:22">
      <c r="A110" s="44" t="s">
        <v>545</v>
      </c>
      <c r="B110" s="152">
        <v>130</v>
      </c>
      <c r="C110" s="156">
        <v>0.15740071700322436</v>
      </c>
      <c r="D110" s="92">
        <v>6.4537056802369014E-2</v>
      </c>
      <c r="E110" s="156">
        <v>6.8775955868709049E-2</v>
      </c>
      <c r="F110" s="92">
        <v>4.7310302430494368E-2</v>
      </c>
      <c r="G110" s="156">
        <v>0.77382332712806712</v>
      </c>
      <c r="H110" s="92">
        <v>7.3185583978574914E-2</v>
      </c>
      <c r="I110" s="152">
        <v>104</v>
      </c>
      <c r="J110" s="156">
        <v>0.10536317444088286</v>
      </c>
      <c r="K110" s="92">
        <v>6.2534230027725207E-2</v>
      </c>
      <c r="L110" s="156">
        <v>7.5197719907364236E-2</v>
      </c>
      <c r="M110" s="92">
        <v>5.5331548126233837E-2</v>
      </c>
      <c r="N110" s="156">
        <v>0.8194391056517526</v>
      </c>
      <c r="O110" s="92">
        <v>7.5859836959786001E-2</v>
      </c>
      <c r="P110" s="152">
        <v>114</v>
      </c>
      <c r="Q110" s="156">
        <v>6.3132173387018736E-2</v>
      </c>
      <c r="R110" s="92">
        <v>4.935736630480856E-2</v>
      </c>
      <c r="S110" s="156">
        <v>3.9270501433160576E-2</v>
      </c>
      <c r="T110" s="92">
        <v>4.1934455933021031E-2</v>
      </c>
      <c r="U110" s="156">
        <v>0.8975973251798206</v>
      </c>
      <c r="V110" s="92">
        <v>5.8931804403878185E-2</v>
      </c>
    </row>
    <row r="111" spans="1:22">
      <c r="A111" s="52" t="s">
        <v>546</v>
      </c>
      <c r="B111" s="151">
        <v>61</v>
      </c>
      <c r="C111" s="155">
        <v>0.1197619344950186</v>
      </c>
      <c r="D111" s="89">
        <v>8.6883147294116864E-2</v>
      </c>
      <c r="E111" s="155">
        <v>5.5428117943795367E-2</v>
      </c>
      <c r="F111" s="89">
        <v>6.8357792481564053E-2</v>
      </c>
      <c r="G111" s="155">
        <v>0.82480994756118509</v>
      </c>
      <c r="H111" s="89">
        <v>9.8319343397797243E-2</v>
      </c>
      <c r="I111" s="151">
        <v>42</v>
      </c>
      <c r="J111" s="155">
        <v>0.10757524010535167</v>
      </c>
      <c r="K111" s="89">
        <v>0.1028381963314018</v>
      </c>
      <c r="L111" s="155">
        <v>8.4983435601648616E-2</v>
      </c>
      <c r="M111" s="89">
        <v>9.6194297887379432E-2</v>
      </c>
      <c r="N111" s="155">
        <v>0.80744132429299997</v>
      </c>
      <c r="O111" s="89">
        <v>0.12201333281380254</v>
      </c>
      <c r="P111" s="151">
        <v>57</v>
      </c>
      <c r="Q111" s="155">
        <v>2.5799713460890671E-2</v>
      </c>
      <c r="R111" s="89">
        <v>5.9317315268554514E-2</v>
      </c>
      <c r="S111" s="155">
        <v>5.7609909857123352E-2</v>
      </c>
      <c r="T111" s="89">
        <v>7.2027421138774986E-2</v>
      </c>
      <c r="U111" s="155">
        <v>0.91659037668198562</v>
      </c>
      <c r="V111" s="89">
        <v>8.0354359032736883E-2</v>
      </c>
    </row>
    <row r="112" spans="1:22">
      <c r="A112" s="44" t="s">
        <v>547</v>
      </c>
      <c r="B112" s="152">
        <v>83</v>
      </c>
      <c r="C112" s="156">
        <v>0.13095760633021183</v>
      </c>
      <c r="D112" s="92">
        <v>7.6125500000866805E-2</v>
      </c>
      <c r="E112" s="156">
        <v>0.13219061016902628</v>
      </c>
      <c r="F112" s="92">
        <v>7.6374805737321499E-2</v>
      </c>
      <c r="G112" s="156">
        <v>0.73685178350076141</v>
      </c>
      <c r="H112" s="92">
        <v>9.5638484443378108E-2</v>
      </c>
      <c r="I112" s="152">
        <v>67</v>
      </c>
      <c r="J112" s="156">
        <v>0.22352654839385017</v>
      </c>
      <c r="K112" s="92">
        <v>0.10124089348700581</v>
      </c>
      <c r="L112" s="156">
        <v>8.2721350854860487E-2</v>
      </c>
      <c r="M112" s="92">
        <v>7.3137028531056691E-2</v>
      </c>
      <c r="N112" s="156">
        <v>0.69375210075128979</v>
      </c>
      <c r="O112" s="92">
        <v>0.1104589192972868</v>
      </c>
      <c r="P112" s="152">
        <v>66</v>
      </c>
      <c r="Q112" s="156">
        <v>8.0158270636771306E-2</v>
      </c>
      <c r="R112" s="92">
        <v>7.3017479394193646E-2</v>
      </c>
      <c r="S112" s="156">
        <v>7.4414038409091179E-2</v>
      </c>
      <c r="T112" s="92">
        <v>7.1308177964558461E-2</v>
      </c>
      <c r="U112" s="156">
        <v>0.84542769095413717</v>
      </c>
      <c r="V112" s="92">
        <v>9.0688382492480693E-2</v>
      </c>
    </row>
    <row r="113" spans="1:22">
      <c r="A113" s="52" t="s">
        <v>551</v>
      </c>
      <c r="B113" s="151">
        <v>476</v>
      </c>
      <c r="C113" s="155">
        <v>0.11587439574436521</v>
      </c>
      <c r="D113" s="89">
        <v>2.9565813796323791E-2</v>
      </c>
      <c r="E113" s="155">
        <v>9.675484206453118E-2</v>
      </c>
      <c r="F113" s="89">
        <v>2.7400146202355202E-2</v>
      </c>
      <c r="G113" s="155">
        <v>0.7873707621911068</v>
      </c>
      <c r="H113" s="89">
        <v>3.7504297097772359E-2</v>
      </c>
      <c r="I113" s="151">
        <v>377</v>
      </c>
      <c r="J113" s="155">
        <v>0.15384343593268957</v>
      </c>
      <c r="K113" s="89">
        <v>3.7322236308593153E-2</v>
      </c>
      <c r="L113" s="155">
        <v>0.11976146787628092</v>
      </c>
      <c r="M113" s="89">
        <v>3.3741109651460009E-2</v>
      </c>
      <c r="N113" s="155">
        <v>0.72639509619103293</v>
      </c>
      <c r="O113" s="89">
        <v>4.5801789785238994E-2</v>
      </c>
      <c r="P113" s="151">
        <v>453</v>
      </c>
      <c r="Q113" s="155">
        <v>9.1461401542246606E-2</v>
      </c>
      <c r="R113" s="89">
        <v>2.743684314183251E-2</v>
      </c>
      <c r="S113" s="155">
        <v>8.8461988387638954E-2</v>
      </c>
      <c r="T113" s="89">
        <v>2.7048587185612493E-2</v>
      </c>
      <c r="U113" s="155">
        <v>0.8200766100701169</v>
      </c>
      <c r="V113" s="89">
        <v>3.61538813792091E-2</v>
      </c>
    </row>
    <row r="114" spans="1:22">
      <c r="A114" s="44" t="s">
        <v>552</v>
      </c>
      <c r="B114" s="152">
        <v>138</v>
      </c>
      <c r="C114" s="156">
        <v>0.11227570302052495</v>
      </c>
      <c r="D114" s="92">
        <v>5.5161705102192871E-2</v>
      </c>
      <c r="E114" s="156">
        <v>8.8570012435948545E-2</v>
      </c>
      <c r="F114" s="92">
        <v>5.038657494223011E-2</v>
      </c>
      <c r="G114" s="156">
        <v>0.79915428454352666</v>
      </c>
      <c r="H114" s="92">
        <v>6.8274008206155437E-2</v>
      </c>
      <c r="I114" s="152">
        <v>100</v>
      </c>
      <c r="J114" s="156">
        <v>0.13991473648730068</v>
      </c>
      <c r="K114" s="92">
        <v>7.0743510117129899E-2</v>
      </c>
      <c r="L114" s="156">
        <v>0.12889074367878506</v>
      </c>
      <c r="M114" s="92">
        <v>6.8687753680805388E-2</v>
      </c>
      <c r="N114" s="156">
        <v>0.73119451983391459</v>
      </c>
      <c r="O114" s="92">
        <v>8.7833240764953385E-2</v>
      </c>
      <c r="P114" s="152">
        <v>130</v>
      </c>
      <c r="Q114" s="156">
        <v>8.8838969768441731E-2</v>
      </c>
      <c r="R114" s="92">
        <v>5.2087386154016334E-2</v>
      </c>
      <c r="S114" s="156">
        <v>6.9663246399673778E-2</v>
      </c>
      <c r="T114" s="92">
        <v>4.7536746137668236E-2</v>
      </c>
      <c r="U114" s="156">
        <v>0.84149778383188478</v>
      </c>
      <c r="V114" s="92">
        <v>6.4700868241119702E-2</v>
      </c>
    </row>
    <row r="115" spans="1:22">
      <c r="A115" s="52" t="s">
        <v>553</v>
      </c>
      <c r="B115" s="151">
        <v>168</v>
      </c>
      <c r="C115" s="155">
        <v>0.11975858048322513</v>
      </c>
      <c r="D115" s="89">
        <v>5.1050153869099918E-2</v>
      </c>
      <c r="E115" s="155">
        <v>0.1048291162699196</v>
      </c>
      <c r="F115" s="89">
        <v>4.8469307780788284E-2</v>
      </c>
      <c r="G115" s="155">
        <v>0.77541230324685573</v>
      </c>
      <c r="H115" s="89">
        <v>6.4273224389675948E-2</v>
      </c>
      <c r="I115" s="151">
        <v>138</v>
      </c>
      <c r="J115" s="155">
        <v>0.16228337327934539</v>
      </c>
      <c r="K115" s="89">
        <v>6.3308427715280738E-2</v>
      </c>
      <c r="L115" s="155">
        <v>0.11019298036679964</v>
      </c>
      <c r="M115" s="89">
        <v>5.4769800570233056E-2</v>
      </c>
      <c r="N115" s="155">
        <v>0.72752364635385447</v>
      </c>
      <c r="O115" s="89">
        <v>7.5266356103610946E-2</v>
      </c>
      <c r="P115" s="151">
        <v>163</v>
      </c>
      <c r="Q115" s="155">
        <v>9.4908931795622611E-2</v>
      </c>
      <c r="R115" s="89">
        <v>4.7366099100392002E-2</v>
      </c>
      <c r="S115" s="155">
        <v>0.10368765623878938</v>
      </c>
      <c r="T115" s="89">
        <v>4.9031437344991199E-2</v>
      </c>
      <c r="U115" s="155">
        <v>0.80140341196558851</v>
      </c>
      <c r="V115" s="89">
        <v>6.2570807787656335E-2</v>
      </c>
    </row>
    <row r="116" spans="1:22">
      <c r="A116" s="44" t="s">
        <v>554</v>
      </c>
      <c r="B116" s="152">
        <v>153</v>
      </c>
      <c r="C116" s="156">
        <v>0.12104799955852943</v>
      </c>
      <c r="D116" s="92">
        <v>5.3803037456901882E-2</v>
      </c>
      <c r="E116" s="156">
        <v>9.8991204421160217E-2</v>
      </c>
      <c r="F116" s="92">
        <v>4.9784658357653166E-2</v>
      </c>
      <c r="G116" s="156">
        <v>0.77996079602031076</v>
      </c>
      <c r="H116" s="92">
        <v>6.6880416580718902E-2</v>
      </c>
      <c r="I116" s="152">
        <v>123</v>
      </c>
      <c r="J116" s="156">
        <v>0.17423554731716578</v>
      </c>
      <c r="K116" s="92">
        <v>6.8838994672239223E-2</v>
      </c>
      <c r="L116" s="156">
        <v>0.12520761371858102</v>
      </c>
      <c r="M116" s="92">
        <v>6.1025303449028803E-2</v>
      </c>
      <c r="N116" s="156">
        <v>0.70055683896425336</v>
      </c>
      <c r="O116" s="92">
        <v>8.1766093922658253E-2</v>
      </c>
      <c r="P116" s="152">
        <v>143</v>
      </c>
      <c r="Q116" s="156">
        <v>0.10026379783971524</v>
      </c>
      <c r="R116" s="92">
        <v>5.1847147780948906E-2</v>
      </c>
      <c r="S116" s="156">
        <v>8.4064695136243234E-2</v>
      </c>
      <c r="T116" s="92">
        <v>4.8454989363620811E-2</v>
      </c>
      <c r="U116" s="156">
        <v>0.81567150702404179</v>
      </c>
      <c r="V116" s="92">
        <v>6.5090364048557017E-2</v>
      </c>
    </row>
    <row r="119" spans="1:22" ht="18.75">
      <c r="A119" s="344" t="s">
        <v>4</v>
      </c>
      <c r="B119" s="344"/>
      <c r="C119" s="344"/>
      <c r="D119" s="344"/>
    </row>
    <row r="120" spans="1:22" ht="140.25" customHeight="1">
      <c r="A120" s="355" t="s">
        <v>382</v>
      </c>
      <c r="B120" s="378"/>
      <c r="C120" s="378"/>
      <c r="D120" s="378"/>
    </row>
    <row r="121" spans="1:22" ht="41.25" customHeight="1">
      <c r="A121" s="356" t="s">
        <v>383</v>
      </c>
      <c r="B121" s="357"/>
      <c r="C121" s="357"/>
      <c r="D121" s="357"/>
    </row>
    <row r="122" spans="1:22" ht="72">
      <c r="A122" s="32" t="s">
        <v>71</v>
      </c>
      <c r="B122" s="33" t="s">
        <v>72</v>
      </c>
      <c r="C122" s="34" t="s">
        <v>593</v>
      </c>
      <c r="D122" s="35" t="s">
        <v>73</v>
      </c>
    </row>
    <row r="123" spans="1:22" ht="108">
      <c r="A123" s="36"/>
      <c r="B123" s="37" t="s">
        <v>74</v>
      </c>
      <c r="C123" s="38" t="s">
        <v>384</v>
      </c>
      <c r="D123" s="39" t="s">
        <v>76</v>
      </c>
    </row>
    <row r="124" spans="1:22">
      <c r="A124" s="40" t="s">
        <v>350</v>
      </c>
      <c r="B124" s="78">
        <v>12672</v>
      </c>
      <c r="C124" s="79">
        <v>4.3322968797313424</v>
      </c>
      <c r="D124" s="80">
        <v>2.3528368041419931E-2</v>
      </c>
    </row>
    <row r="125" spans="1:22">
      <c r="A125" s="44" t="s">
        <v>351</v>
      </c>
      <c r="B125" s="114">
        <v>9414</v>
      </c>
      <c r="C125" s="115">
        <v>4.3457102995732457</v>
      </c>
      <c r="D125" s="116">
        <v>2.7090466565666174E-2</v>
      </c>
    </row>
    <row r="126" spans="1:22">
      <c r="A126" s="40" t="s">
        <v>352</v>
      </c>
      <c r="B126" s="78">
        <v>3258</v>
      </c>
      <c r="C126" s="79">
        <v>4.3211313247473422</v>
      </c>
      <c r="D126" s="80">
        <v>4.7156791440410843E-2</v>
      </c>
    </row>
    <row r="127" spans="1:22">
      <c r="A127" s="44" t="s">
        <v>534</v>
      </c>
      <c r="B127" s="114">
        <v>2959</v>
      </c>
      <c r="C127" s="115">
        <v>4.4636886176655182</v>
      </c>
      <c r="D127" s="116">
        <v>4.7510928384915704E-2</v>
      </c>
    </row>
    <row r="128" spans="1:22">
      <c r="A128" s="40" t="s">
        <v>535</v>
      </c>
      <c r="B128" s="78">
        <v>2351</v>
      </c>
      <c r="C128" s="79">
        <v>4.5446740074453409</v>
      </c>
      <c r="D128" s="80">
        <v>5.2480798420307319E-2</v>
      </c>
    </row>
    <row r="129" spans="1:4">
      <c r="A129" s="44" t="s">
        <v>536</v>
      </c>
      <c r="B129" s="114">
        <v>342</v>
      </c>
      <c r="C129" s="115">
        <v>4.3453986036641945</v>
      </c>
      <c r="D129" s="116">
        <v>0.14236381225896075</v>
      </c>
    </row>
    <row r="130" spans="1:4">
      <c r="A130" s="40" t="s">
        <v>537</v>
      </c>
      <c r="B130" s="78">
        <v>79</v>
      </c>
      <c r="C130" s="79">
        <v>4.431880252951844</v>
      </c>
      <c r="D130" s="80">
        <v>0.314806607596817</v>
      </c>
    </row>
    <row r="131" spans="1:4">
      <c r="A131" s="44" t="s">
        <v>538</v>
      </c>
      <c r="B131" s="114">
        <v>61</v>
      </c>
      <c r="C131" s="115">
        <v>4.4683544573704959</v>
      </c>
      <c r="D131" s="116">
        <v>0.35042761062302136</v>
      </c>
    </row>
    <row r="132" spans="1:4">
      <c r="A132" s="40" t="s">
        <v>539</v>
      </c>
      <c r="B132" s="78">
        <v>59</v>
      </c>
      <c r="C132" s="79">
        <v>4.1631878566736127</v>
      </c>
      <c r="D132" s="80">
        <v>0.30905424413307531</v>
      </c>
    </row>
    <row r="133" spans="1:4">
      <c r="A133" s="44" t="s">
        <v>540</v>
      </c>
      <c r="B133" s="114">
        <v>70</v>
      </c>
      <c r="C133" s="115">
        <v>4.6171057407519509</v>
      </c>
      <c r="D133" s="116">
        <v>0.28760462214566218</v>
      </c>
    </row>
    <row r="134" spans="1:4">
      <c r="A134" s="40" t="s">
        <v>541</v>
      </c>
      <c r="B134" s="111">
        <v>73</v>
      </c>
      <c r="C134" s="112">
        <v>4.1346256693777406</v>
      </c>
      <c r="D134" s="113">
        <v>0.31886331067916851</v>
      </c>
    </row>
    <row r="135" spans="1:4">
      <c r="A135" s="44" t="s">
        <v>542</v>
      </c>
      <c r="B135" s="114">
        <v>572</v>
      </c>
      <c r="C135" s="115">
        <v>4.7119053138416644</v>
      </c>
      <c r="D135" s="116">
        <v>0.10115447953875464</v>
      </c>
    </row>
    <row r="136" spans="1:4">
      <c r="A136" s="40" t="s">
        <v>543</v>
      </c>
      <c r="B136" s="78">
        <v>55</v>
      </c>
      <c r="C136" s="79">
        <v>4.9131325747892189</v>
      </c>
      <c r="D136" s="80">
        <v>0.28785018984894772</v>
      </c>
    </row>
    <row r="137" spans="1:4">
      <c r="A137" s="44" t="s">
        <v>550</v>
      </c>
      <c r="B137" s="114">
        <v>98</v>
      </c>
      <c r="C137" s="115">
        <v>4.4355988503755404</v>
      </c>
      <c r="D137" s="116">
        <v>0.23380609935632546</v>
      </c>
    </row>
    <row r="138" spans="1:4">
      <c r="A138" s="52" t="s">
        <v>544</v>
      </c>
      <c r="B138" s="111">
        <v>112</v>
      </c>
      <c r="C138" s="112">
        <v>4.5820671903051746</v>
      </c>
      <c r="D138" s="113">
        <v>0.22341063607696102</v>
      </c>
    </row>
    <row r="139" spans="1:4">
      <c r="A139" s="44" t="s">
        <v>545</v>
      </c>
      <c r="B139" s="114">
        <v>149</v>
      </c>
      <c r="C139" s="115">
        <v>4.7566884975689261</v>
      </c>
      <c r="D139" s="116">
        <v>0.19653519880681133</v>
      </c>
    </row>
    <row r="140" spans="1:4">
      <c r="A140" s="52" t="s">
        <v>546</v>
      </c>
      <c r="B140" s="111">
        <v>69</v>
      </c>
      <c r="C140" s="112">
        <v>5.0169567422961885</v>
      </c>
      <c r="D140" s="113">
        <v>0.29903565182855985</v>
      </c>
    </row>
    <row r="141" spans="1:4">
      <c r="A141" s="44" t="s">
        <v>547</v>
      </c>
      <c r="B141" s="114">
        <v>89</v>
      </c>
      <c r="C141" s="115">
        <v>4.8162595246591406</v>
      </c>
      <c r="D141" s="116">
        <v>0.2773132558521274</v>
      </c>
    </row>
    <row r="142" spans="1:4">
      <c r="A142" s="52" t="s">
        <v>551</v>
      </c>
      <c r="B142" s="111">
        <v>667</v>
      </c>
      <c r="C142" s="112">
        <v>4.4324423140296751</v>
      </c>
      <c r="D142" s="113">
        <v>0.10480756183890041</v>
      </c>
    </row>
    <row r="143" spans="1:4">
      <c r="A143" s="44" t="s">
        <v>552</v>
      </c>
      <c r="B143" s="114">
        <v>179</v>
      </c>
      <c r="C143" s="115">
        <v>4.4788990063148404</v>
      </c>
      <c r="D143" s="116">
        <v>0.18133351846176224</v>
      </c>
    </row>
    <row r="144" spans="1:4">
      <c r="A144" s="52" t="s">
        <v>553</v>
      </c>
      <c r="B144" s="111">
        <v>242</v>
      </c>
      <c r="C144" s="112">
        <v>4.3375422595268169</v>
      </c>
      <c r="D144" s="113">
        <v>0.17015315482566759</v>
      </c>
    </row>
    <row r="145" spans="1:28">
      <c r="A145" s="44" t="s">
        <v>554</v>
      </c>
      <c r="B145" s="114">
        <v>212</v>
      </c>
      <c r="C145" s="115">
        <v>4.4447153105436223</v>
      </c>
      <c r="D145" s="116">
        <v>0.21033680251384582</v>
      </c>
    </row>
    <row r="148" spans="1:28" ht="18.75">
      <c r="A148" s="344" t="s">
        <v>501</v>
      </c>
      <c r="B148" s="344"/>
      <c r="C148" s="344"/>
      <c r="D148" s="344"/>
      <c r="E148" s="344"/>
      <c r="F148" s="344"/>
      <c r="G148" s="344"/>
      <c r="H148" s="344"/>
      <c r="I148" s="344"/>
      <c r="J148" s="344"/>
      <c r="K148" s="344"/>
      <c r="L148" s="344"/>
      <c r="M148" s="344"/>
      <c r="N148" s="344"/>
      <c r="O148" s="344"/>
      <c r="P148" s="344"/>
      <c r="Q148" s="344"/>
      <c r="R148" s="344"/>
      <c r="S148" s="344"/>
      <c r="T148" s="344"/>
      <c r="U148" s="344"/>
      <c r="V148" s="344"/>
      <c r="W148" s="344"/>
      <c r="X148" s="344"/>
      <c r="Y148" s="344"/>
      <c r="Z148" s="344"/>
      <c r="AA148" s="344"/>
      <c r="AB148" s="344"/>
    </row>
    <row r="149" spans="1:28" ht="72.75" customHeight="1">
      <c r="A149" s="402" t="s">
        <v>607</v>
      </c>
      <c r="B149" s="402"/>
      <c r="C149" s="402"/>
      <c r="D149" s="402"/>
      <c r="E149" s="402"/>
      <c r="F149" s="402"/>
      <c r="G149" s="402"/>
      <c r="H149" s="402"/>
      <c r="I149" s="402"/>
      <c r="J149" s="402"/>
      <c r="K149" s="402"/>
      <c r="L149" s="402"/>
      <c r="M149" s="402"/>
      <c r="N149" s="402"/>
      <c r="O149" s="402"/>
      <c r="P149" s="402"/>
      <c r="Q149" s="402"/>
      <c r="R149" s="402"/>
      <c r="S149" s="402"/>
      <c r="T149" s="402"/>
      <c r="U149" s="402"/>
      <c r="V149" s="402"/>
      <c r="W149" s="402"/>
      <c r="X149" s="402"/>
      <c r="Y149" s="402"/>
      <c r="Z149" s="402"/>
      <c r="AA149" s="402"/>
      <c r="AB149" s="402"/>
    </row>
    <row r="150" spans="1:28" ht="40.5" customHeight="1">
      <c r="A150" s="291"/>
      <c r="B150" s="396" t="s">
        <v>385</v>
      </c>
      <c r="C150" s="397"/>
      <c r="D150" s="397"/>
      <c r="E150" s="397"/>
      <c r="F150" s="397"/>
      <c r="G150" s="397"/>
      <c r="H150" s="397"/>
      <c r="I150" s="397"/>
      <c r="J150" s="398"/>
      <c r="K150" s="372" t="s">
        <v>386</v>
      </c>
      <c r="L150" s="373"/>
      <c r="M150" s="373"/>
      <c r="N150" s="373"/>
      <c r="O150" s="373"/>
      <c r="P150" s="373"/>
      <c r="Q150" s="373"/>
      <c r="R150" s="373"/>
      <c r="S150" s="374"/>
      <c r="T150" s="396" t="s">
        <v>121</v>
      </c>
      <c r="U150" s="397"/>
      <c r="V150" s="397"/>
      <c r="W150" s="397"/>
      <c r="X150" s="397"/>
      <c r="Y150" s="397"/>
      <c r="Z150" s="397"/>
      <c r="AA150" s="397"/>
      <c r="AB150" s="397"/>
    </row>
    <row r="151" spans="1:28" ht="72">
      <c r="A151" s="32" t="s">
        <v>71</v>
      </c>
      <c r="B151" s="33" t="s">
        <v>72</v>
      </c>
      <c r="C151" s="33" t="s">
        <v>156</v>
      </c>
      <c r="D151" s="84" t="s">
        <v>85</v>
      </c>
      <c r="E151" s="33" t="s">
        <v>157</v>
      </c>
      <c r="F151" s="84" t="s">
        <v>86</v>
      </c>
      <c r="G151" s="33" t="s">
        <v>158</v>
      </c>
      <c r="H151" s="84" t="s">
        <v>87</v>
      </c>
      <c r="I151" s="33" t="s">
        <v>301</v>
      </c>
      <c r="J151" s="84" t="s">
        <v>300</v>
      </c>
      <c r="K151" s="60" t="s">
        <v>72</v>
      </c>
      <c r="L151" s="60" t="s">
        <v>156</v>
      </c>
      <c r="M151" s="83" t="s">
        <v>85</v>
      </c>
      <c r="N151" s="60" t="s">
        <v>157</v>
      </c>
      <c r="O151" s="83" t="s">
        <v>86</v>
      </c>
      <c r="P151" s="60" t="s">
        <v>158</v>
      </c>
      <c r="Q151" s="83" t="s">
        <v>87</v>
      </c>
      <c r="R151" s="60" t="s">
        <v>301</v>
      </c>
      <c r="S151" s="83" t="s">
        <v>300</v>
      </c>
      <c r="T151" s="33" t="s">
        <v>72</v>
      </c>
      <c r="U151" s="33" t="s">
        <v>156</v>
      </c>
      <c r="V151" s="84" t="s">
        <v>85</v>
      </c>
      <c r="W151" s="33" t="s">
        <v>157</v>
      </c>
      <c r="X151" s="84" t="s">
        <v>86</v>
      </c>
      <c r="Y151" s="33" t="s">
        <v>158</v>
      </c>
      <c r="Z151" s="84" t="s">
        <v>87</v>
      </c>
      <c r="AA151" s="33" t="s">
        <v>301</v>
      </c>
      <c r="AB151" s="84" t="s">
        <v>300</v>
      </c>
    </row>
    <row r="152" spans="1:28" ht="72">
      <c r="A152" s="36"/>
      <c r="B152" s="37" t="s">
        <v>74</v>
      </c>
      <c r="C152" s="37" t="s">
        <v>159</v>
      </c>
      <c r="D152" s="86" t="s">
        <v>88</v>
      </c>
      <c r="E152" s="37" t="s">
        <v>160</v>
      </c>
      <c r="F152" s="86" t="s">
        <v>88</v>
      </c>
      <c r="G152" s="37" t="s">
        <v>161</v>
      </c>
      <c r="H152" s="86" t="s">
        <v>88</v>
      </c>
      <c r="I152" s="37" t="s">
        <v>301</v>
      </c>
      <c r="J152" s="86" t="s">
        <v>88</v>
      </c>
      <c r="K152" s="63" t="s">
        <v>74</v>
      </c>
      <c r="L152" s="63" t="s">
        <v>159</v>
      </c>
      <c r="M152" s="85" t="s">
        <v>88</v>
      </c>
      <c r="N152" s="63" t="s">
        <v>160</v>
      </c>
      <c r="O152" s="85" t="s">
        <v>88</v>
      </c>
      <c r="P152" s="63" t="s">
        <v>161</v>
      </c>
      <c r="Q152" s="85" t="s">
        <v>88</v>
      </c>
      <c r="R152" s="63" t="s">
        <v>301</v>
      </c>
      <c r="S152" s="85" t="s">
        <v>88</v>
      </c>
      <c r="T152" s="37" t="s">
        <v>74</v>
      </c>
      <c r="U152" s="37" t="s">
        <v>159</v>
      </c>
      <c r="V152" s="86" t="s">
        <v>88</v>
      </c>
      <c r="W152" s="37" t="s">
        <v>160</v>
      </c>
      <c r="X152" s="86" t="s">
        <v>88</v>
      </c>
      <c r="Y152" s="37" t="s">
        <v>161</v>
      </c>
      <c r="Z152" s="86" t="s">
        <v>88</v>
      </c>
      <c r="AA152" s="37" t="s">
        <v>301</v>
      </c>
      <c r="AB152" s="86" t="s">
        <v>88</v>
      </c>
    </row>
    <row r="153" spans="1:28">
      <c r="A153" s="40" t="s">
        <v>350</v>
      </c>
      <c r="B153" s="157">
        <v>13916</v>
      </c>
      <c r="C153" s="160">
        <v>0.24721018413503079</v>
      </c>
      <c r="D153" s="89">
        <v>7.3134663503884997E-3</v>
      </c>
      <c r="E153" s="160">
        <v>0.22996751196457071</v>
      </c>
      <c r="F153" s="89">
        <v>7.1342696510420254E-3</v>
      </c>
      <c r="G153" s="160">
        <v>0.35734181830937645</v>
      </c>
      <c r="H153" s="89">
        <v>8.1236906583958182E-3</v>
      </c>
      <c r="I153" s="160">
        <v>0.16548048559104037</v>
      </c>
      <c r="J153" s="89">
        <v>6.3009075583273259E-3</v>
      </c>
      <c r="K153" s="157">
        <v>13906</v>
      </c>
      <c r="L153" s="160">
        <v>0.28691101869081054</v>
      </c>
      <c r="M153" s="89">
        <v>7.6707816144096089E-3</v>
      </c>
      <c r="N153" s="160">
        <v>0.20739565521860365</v>
      </c>
      <c r="O153" s="89">
        <v>6.8763743112210335E-3</v>
      </c>
      <c r="P153" s="160">
        <v>0.38105482308155841</v>
      </c>
      <c r="Q153" s="89">
        <v>8.2355715377953418E-3</v>
      </c>
      <c r="R153" s="160">
        <v>0.12463850300904504</v>
      </c>
      <c r="S153" s="89">
        <v>5.6033462323828937E-3</v>
      </c>
      <c r="T153" s="157">
        <v>13917</v>
      </c>
      <c r="U153" s="160">
        <v>0.21139065422020736</v>
      </c>
      <c r="V153" s="89">
        <v>6.9219899392000787E-3</v>
      </c>
      <c r="W153" s="160">
        <v>0.20220173619447673</v>
      </c>
      <c r="X153" s="89">
        <v>6.8092980540401995E-3</v>
      </c>
      <c r="Y153" s="160">
        <v>0.51742917611998085</v>
      </c>
      <c r="Z153" s="89">
        <v>8.4703414568206813E-3</v>
      </c>
      <c r="AA153" s="160">
        <v>6.8978433465351083E-2</v>
      </c>
      <c r="AB153" s="89">
        <v>4.2992426218196574E-3</v>
      </c>
    </row>
    <row r="154" spans="1:28">
      <c r="A154" s="44" t="s">
        <v>351</v>
      </c>
      <c r="B154" s="44">
        <v>10183</v>
      </c>
      <c r="C154" s="159">
        <v>0.27559647530717357</v>
      </c>
      <c r="D154" s="92">
        <v>8.8547631711577007E-3</v>
      </c>
      <c r="E154" s="159">
        <v>0.22433185166138178</v>
      </c>
      <c r="F154" s="92">
        <v>8.2673198233641793E-3</v>
      </c>
      <c r="G154" s="159">
        <v>0.33736109628042987</v>
      </c>
      <c r="H154" s="92">
        <v>9.3694258840044328E-3</v>
      </c>
      <c r="I154" s="159">
        <v>0.16271057675101472</v>
      </c>
      <c r="J154" s="92">
        <v>7.3163565765839728E-3</v>
      </c>
      <c r="K154" s="44">
        <v>10184</v>
      </c>
      <c r="L154" s="159">
        <v>0.29351436557063271</v>
      </c>
      <c r="M154" s="92">
        <v>9.0237473170164326E-3</v>
      </c>
      <c r="N154" s="159">
        <v>0.20480254938895326</v>
      </c>
      <c r="O154" s="92">
        <v>7.9980091389078491E-3</v>
      </c>
      <c r="P154" s="159">
        <v>0.39238496392138006</v>
      </c>
      <c r="Q154" s="92">
        <v>9.675295609665107E-3</v>
      </c>
      <c r="R154" s="159">
        <v>0.10929812111903336</v>
      </c>
      <c r="S154" s="92">
        <v>6.1862177962088306E-3</v>
      </c>
      <c r="T154" s="44">
        <v>10198</v>
      </c>
      <c r="U154" s="159">
        <v>0.19149971417243938</v>
      </c>
      <c r="V154" s="92">
        <v>7.7932052455123111E-3</v>
      </c>
      <c r="W154" s="159">
        <v>0.18567288530772813</v>
      </c>
      <c r="X154" s="92">
        <v>7.7014454935054938E-3</v>
      </c>
      <c r="Y154" s="159">
        <v>0.57126389116641652</v>
      </c>
      <c r="Z154" s="92">
        <v>9.7995082758462974E-3</v>
      </c>
      <c r="AA154" s="159">
        <v>5.1563509353409941E-2</v>
      </c>
      <c r="AB154" s="92">
        <v>4.385929178221234E-3</v>
      </c>
    </row>
    <row r="155" spans="1:28">
      <c r="A155" s="40" t="s">
        <v>352</v>
      </c>
      <c r="B155" s="48">
        <v>3733</v>
      </c>
      <c r="C155" s="160">
        <v>0.22436427846585125</v>
      </c>
      <c r="D155" s="89">
        <v>1.3654536010558547E-2</v>
      </c>
      <c r="E155" s="160">
        <v>0.23450321417692144</v>
      </c>
      <c r="F155" s="89">
        <v>1.3867459099300268E-2</v>
      </c>
      <c r="G155" s="160">
        <v>0.37342273877576271</v>
      </c>
      <c r="H155" s="89">
        <v>1.5826611940870993E-2</v>
      </c>
      <c r="I155" s="160">
        <v>0.16770976858146525</v>
      </c>
      <c r="J155" s="89">
        <v>1.2233542717730169E-2</v>
      </c>
      <c r="K155" s="48">
        <v>3722</v>
      </c>
      <c r="L155" s="160">
        <v>0.28157369485150868</v>
      </c>
      <c r="M155" s="89">
        <v>1.474027536895622E-2</v>
      </c>
      <c r="N155" s="160">
        <v>0.20949159926246991</v>
      </c>
      <c r="O155" s="89">
        <v>1.3340818127827088E-2</v>
      </c>
      <c r="P155" s="160">
        <v>0.37189694724866146</v>
      </c>
      <c r="Q155" s="89">
        <v>1.583682301739725E-2</v>
      </c>
      <c r="R155" s="160">
        <v>0.13703775863736017</v>
      </c>
      <c r="S155" s="89">
        <v>1.1280882632758426E-2</v>
      </c>
      <c r="T155" s="48">
        <v>3719</v>
      </c>
      <c r="U155" s="160">
        <v>0.22746135889376895</v>
      </c>
      <c r="V155" s="89">
        <v>1.3746572773353843E-2</v>
      </c>
      <c r="W155" s="160">
        <v>0.21555607141223795</v>
      </c>
      <c r="X155" s="89">
        <v>1.3485516721737577E-2</v>
      </c>
      <c r="Y155" s="160">
        <v>0.47393390618202474</v>
      </c>
      <c r="Z155" s="89">
        <v>1.6366800707834434E-2</v>
      </c>
      <c r="AA155" s="160">
        <v>8.3048663511969767E-2</v>
      </c>
      <c r="AB155" s="89">
        <v>9.0674464806340636E-3</v>
      </c>
    </row>
    <row r="156" spans="1:28">
      <c r="A156" s="44" t="s">
        <v>534</v>
      </c>
      <c r="B156" s="44">
        <v>3198</v>
      </c>
      <c r="C156" s="159">
        <v>0.21678859569560849</v>
      </c>
      <c r="D156" s="92">
        <v>1.4572465192635737E-2</v>
      </c>
      <c r="E156" s="159">
        <v>0.22541295480283194</v>
      </c>
      <c r="F156" s="92">
        <v>1.4776714734507469E-2</v>
      </c>
      <c r="G156" s="159">
        <v>0.38970023724423014</v>
      </c>
      <c r="H156" s="92">
        <v>1.72378858583533E-2</v>
      </c>
      <c r="I156" s="159">
        <v>0.16809821225732566</v>
      </c>
      <c r="J156" s="92">
        <v>1.3230114247414224E-2</v>
      </c>
      <c r="K156" s="44">
        <v>3203</v>
      </c>
      <c r="L156" s="159">
        <v>0.26154873238043658</v>
      </c>
      <c r="M156" s="92">
        <v>1.5526624658798324E-2</v>
      </c>
      <c r="N156" s="159">
        <v>0.19830127113771964</v>
      </c>
      <c r="O156" s="92">
        <v>1.4091544170522502E-2</v>
      </c>
      <c r="P156" s="159">
        <v>0.41441692661786078</v>
      </c>
      <c r="Q156" s="92">
        <v>1.7398421747927061E-2</v>
      </c>
      <c r="R156" s="159">
        <v>0.12573306986397909</v>
      </c>
      <c r="S156" s="92">
        <v>1.172778620237452E-2</v>
      </c>
      <c r="T156" s="44">
        <v>3203</v>
      </c>
      <c r="U156" s="159">
        <v>0.18015365826759119</v>
      </c>
      <c r="V156" s="92">
        <v>1.3584477031124387E-2</v>
      </c>
      <c r="W156" s="159">
        <v>0.20887462414204855</v>
      </c>
      <c r="X156" s="92">
        <v>1.4365590760091891E-2</v>
      </c>
      <c r="Y156" s="159">
        <v>0.54434733587387085</v>
      </c>
      <c r="Z156" s="92">
        <v>1.7588946011517378E-2</v>
      </c>
      <c r="AA156" s="159">
        <v>6.6624381716484576E-2</v>
      </c>
      <c r="AB156" s="92">
        <v>8.8400393436477483E-3</v>
      </c>
    </row>
    <row r="157" spans="1:28">
      <c r="A157" s="40" t="s">
        <v>535</v>
      </c>
      <c r="B157" s="48">
        <v>2507</v>
      </c>
      <c r="C157" s="160">
        <v>0.22914522789232195</v>
      </c>
      <c r="D157" s="89">
        <v>1.6785537251411523E-2</v>
      </c>
      <c r="E157" s="160">
        <v>0.22071062730831112</v>
      </c>
      <c r="F157" s="89">
        <v>1.6564598481337189E-2</v>
      </c>
      <c r="G157" s="160">
        <v>0.36926652510609564</v>
      </c>
      <c r="H157" s="89">
        <v>1.9264168604958359E-2</v>
      </c>
      <c r="I157" s="160">
        <v>0.18087761969327476</v>
      </c>
      <c r="J157" s="89">
        <v>1.537970782867475E-2</v>
      </c>
      <c r="K157" s="48">
        <v>2516</v>
      </c>
      <c r="L157" s="160">
        <v>0.25219778274781751</v>
      </c>
      <c r="M157" s="89">
        <v>1.7310829984756203E-2</v>
      </c>
      <c r="N157" s="160">
        <v>0.20007330474328947</v>
      </c>
      <c r="O157" s="89">
        <v>1.5952773829586982E-2</v>
      </c>
      <c r="P157" s="160">
        <v>0.44843741175710106</v>
      </c>
      <c r="Q157" s="89">
        <v>1.9814606329438569E-2</v>
      </c>
      <c r="R157" s="160">
        <v>9.9291500751795839E-2</v>
      </c>
      <c r="S157" s="89">
        <v>1.1948436275544726E-2</v>
      </c>
      <c r="T157" s="48">
        <v>2516</v>
      </c>
      <c r="U157" s="160">
        <v>0.14234760262267376</v>
      </c>
      <c r="V157" s="89">
        <v>1.394379423227712E-2</v>
      </c>
      <c r="W157" s="160">
        <v>0.17718363247728483</v>
      </c>
      <c r="X157" s="89">
        <v>1.5229470021102719E-2</v>
      </c>
      <c r="Y157" s="160">
        <v>0.63870039421293368</v>
      </c>
      <c r="Z157" s="89">
        <v>1.9141213930170108E-2</v>
      </c>
      <c r="AA157" s="160">
        <v>4.1768370687110812E-2</v>
      </c>
      <c r="AB157" s="89">
        <v>8.0366063329095263E-3</v>
      </c>
    </row>
    <row r="158" spans="1:28">
      <c r="A158" s="44" t="s">
        <v>536</v>
      </c>
      <c r="B158" s="44">
        <v>365</v>
      </c>
      <c r="C158" s="159">
        <v>0.29413542497241341</v>
      </c>
      <c r="D158" s="92">
        <v>4.7544998986270577E-2</v>
      </c>
      <c r="E158" s="159">
        <v>0.22135761301489751</v>
      </c>
      <c r="F158" s="92">
        <v>4.3434226878830209E-2</v>
      </c>
      <c r="G158" s="159">
        <v>0.32945519140586155</v>
      </c>
      <c r="H158" s="92">
        <v>4.9005461906114663E-2</v>
      </c>
      <c r="I158" s="159">
        <v>0.15505177060682793</v>
      </c>
      <c r="J158" s="92">
        <v>3.8052374441744564E-2</v>
      </c>
      <c r="K158" s="44">
        <v>367</v>
      </c>
      <c r="L158" s="159">
        <v>0.30513321964812834</v>
      </c>
      <c r="M158" s="92">
        <v>4.7903918875285591E-2</v>
      </c>
      <c r="N158" s="159">
        <v>0.19372589723277719</v>
      </c>
      <c r="O158" s="92">
        <v>4.1300684788760228E-2</v>
      </c>
      <c r="P158" s="159">
        <v>0.41641116012985963</v>
      </c>
      <c r="Q158" s="92">
        <v>5.120254781621409E-2</v>
      </c>
      <c r="R158" s="159">
        <v>8.4729722989234743E-2</v>
      </c>
      <c r="S158" s="92">
        <v>2.9597321991679755E-2</v>
      </c>
      <c r="T158" s="44">
        <v>365</v>
      </c>
      <c r="U158" s="159">
        <v>0.18529619830356836</v>
      </c>
      <c r="V158" s="92">
        <v>4.0738049461207231E-2</v>
      </c>
      <c r="W158" s="159">
        <v>0.17097056998279409</v>
      </c>
      <c r="X158" s="92">
        <v>3.9519337098069686E-2</v>
      </c>
      <c r="Y158" s="159">
        <v>0.6290617362206542</v>
      </c>
      <c r="Z158" s="92">
        <v>5.0332470440408249E-2</v>
      </c>
      <c r="AA158" s="159">
        <v>1.4671495492983262E-2</v>
      </c>
      <c r="AB158" s="92">
        <v>1.4552104001676011E-2</v>
      </c>
    </row>
    <row r="159" spans="1:28">
      <c r="A159" s="40" t="s">
        <v>537</v>
      </c>
      <c r="B159" s="48">
        <v>85</v>
      </c>
      <c r="C159" s="160">
        <v>0.285103134500796</v>
      </c>
      <c r="D159" s="89">
        <v>9.6658119981166246E-2</v>
      </c>
      <c r="E159" s="160">
        <v>0.12809679621467043</v>
      </c>
      <c r="F159" s="89">
        <v>7.4604925829942409E-2</v>
      </c>
      <c r="G159" s="160">
        <v>0.37016042291817736</v>
      </c>
      <c r="H159" s="89">
        <v>0.10268813603811529</v>
      </c>
      <c r="I159" s="160">
        <v>0.21663964636635696</v>
      </c>
      <c r="J159" s="89">
        <v>8.9131156637754075E-2</v>
      </c>
      <c r="K159" s="48">
        <v>86</v>
      </c>
      <c r="L159" s="160">
        <v>0.31968999308892515</v>
      </c>
      <c r="M159" s="89">
        <v>9.895318972620698E-2</v>
      </c>
      <c r="N159" s="160">
        <v>0.2190477415341324</v>
      </c>
      <c r="O159" s="89">
        <v>8.892600667347339E-2</v>
      </c>
      <c r="P159" s="160">
        <v>0.3744726835688853</v>
      </c>
      <c r="Q159" s="89">
        <v>0.10233113991745216</v>
      </c>
      <c r="R159" s="160">
        <v>8.6789581808057778E-2</v>
      </c>
      <c r="S159" s="89">
        <v>6.4669079909209226E-2</v>
      </c>
      <c r="T159" s="48">
        <v>84</v>
      </c>
      <c r="U159" s="160">
        <v>0.21031795975208237</v>
      </c>
      <c r="V159" s="89">
        <v>8.881534332794791E-2</v>
      </c>
      <c r="W159" s="160">
        <v>0.18282314017024784</v>
      </c>
      <c r="X159" s="89">
        <v>8.4835816296894545E-2</v>
      </c>
      <c r="Y159" s="160">
        <v>0.58745261640252966</v>
      </c>
      <c r="Z159" s="89">
        <v>0.10510417071027627</v>
      </c>
      <c r="AA159" s="160">
        <v>1.9406283675140978E-2</v>
      </c>
      <c r="AB159" s="89">
        <v>4.2399490915399407E-2</v>
      </c>
    </row>
    <row r="160" spans="1:28">
      <c r="A160" s="44" t="s">
        <v>538</v>
      </c>
      <c r="B160" s="44">
        <v>63</v>
      </c>
      <c r="C160" s="159">
        <v>0.340244770262359</v>
      </c>
      <c r="D160" s="92">
        <v>0.11652548793609137</v>
      </c>
      <c r="E160" s="159">
        <v>0.12109806391113094</v>
      </c>
      <c r="F160" s="92">
        <v>8.5715218348204752E-2</v>
      </c>
      <c r="G160" s="159">
        <v>0.33433109495146568</v>
      </c>
      <c r="H160" s="92">
        <v>0.11608878354309526</v>
      </c>
      <c r="I160" s="159">
        <v>0.2043260708750439</v>
      </c>
      <c r="J160" s="92">
        <v>0.10154152276550024</v>
      </c>
      <c r="K160" s="44">
        <v>64</v>
      </c>
      <c r="L160" s="159">
        <v>0.2425604069514995</v>
      </c>
      <c r="M160" s="92">
        <v>0.10607783101151254</v>
      </c>
      <c r="N160" s="159">
        <v>0.11554058889084509</v>
      </c>
      <c r="O160" s="92">
        <v>8.3690188450728162E-2</v>
      </c>
      <c r="P160" s="159">
        <v>0.52412101391726607</v>
      </c>
      <c r="Q160" s="92">
        <v>0.12114274838329873</v>
      </c>
      <c r="R160" s="159">
        <v>0.11777799024038883</v>
      </c>
      <c r="S160" s="92">
        <v>8.4222503215626049E-2</v>
      </c>
      <c r="T160" s="44">
        <v>64</v>
      </c>
      <c r="U160" s="159">
        <v>0.16939533680298338</v>
      </c>
      <c r="V160" s="92">
        <v>9.4924464070770306E-2</v>
      </c>
      <c r="W160" s="159">
        <v>3.7294298706048973E-2</v>
      </c>
      <c r="X160" s="92">
        <v>5.958209695471111E-2</v>
      </c>
      <c r="Y160" s="159">
        <v>0.76748307088264267</v>
      </c>
      <c r="Z160" s="92">
        <v>0.10477498452473542</v>
      </c>
      <c r="AA160" s="159">
        <v>2.5827293608324631E-2</v>
      </c>
      <c r="AB160" s="92">
        <v>5.4683037599746492E-2</v>
      </c>
    </row>
    <row r="161" spans="1:28">
      <c r="A161" s="40" t="s">
        <v>539</v>
      </c>
      <c r="B161" s="48">
        <v>64</v>
      </c>
      <c r="C161" s="160">
        <v>0.26656304673247522</v>
      </c>
      <c r="D161" s="89">
        <v>0.10893320980364601</v>
      </c>
      <c r="E161" s="160">
        <v>0.33169186959416408</v>
      </c>
      <c r="F161" s="89">
        <v>0.11502097398029321</v>
      </c>
      <c r="G161" s="160">
        <v>0.30027066115626322</v>
      </c>
      <c r="H161" s="89">
        <v>0.11237105322270344</v>
      </c>
      <c r="I161" s="160">
        <v>0.10147442251709732</v>
      </c>
      <c r="J161" s="89">
        <v>8.018831541231565E-2</v>
      </c>
      <c r="K161" s="48">
        <v>64</v>
      </c>
      <c r="L161" s="160">
        <v>0.30152618776804557</v>
      </c>
      <c r="M161" s="89">
        <v>0.11248690842675155</v>
      </c>
      <c r="N161" s="160">
        <v>0.29952259177237212</v>
      </c>
      <c r="O161" s="89">
        <v>0.11230161969419859</v>
      </c>
      <c r="P161" s="160">
        <v>0.30558346853093321</v>
      </c>
      <c r="Q161" s="89">
        <v>0.11285550956153971</v>
      </c>
      <c r="R161" s="160">
        <v>9.3367751928649004E-2</v>
      </c>
      <c r="S161" s="89">
        <v>7.8038823726175696E-2</v>
      </c>
      <c r="T161" s="48">
        <v>64</v>
      </c>
      <c r="U161" s="160">
        <v>0.21837575538768284</v>
      </c>
      <c r="V161" s="89">
        <v>0.10282600865696848</v>
      </c>
      <c r="W161" s="160">
        <v>0.25380773895942832</v>
      </c>
      <c r="X161" s="89">
        <v>0.1074600630396932</v>
      </c>
      <c r="Y161" s="160">
        <v>0.52648037714076756</v>
      </c>
      <c r="Z161" s="89">
        <v>0.12111706991732062</v>
      </c>
      <c r="AA161" s="160">
        <v>1.3361285121212404E-3</v>
      </c>
      <c r="AB161" s="89">
        <v>4.1818017239084238E-2</v>
      </c>
    </row>
    <row r="162" spans="1:28">
      <c r="A162" s="44" t="s">
        <v>540</v>
      </c>
      <c r="B162" s="44">
        <v>76</v>
      </c>
      <c r="C162" s="159">
        <v>0.22085389194322069</v>
      </c>
      <c r="D162" s="92">
        <v>9.478261943704909E-2</v>
      </c>
      <c r="E162" s="159">
        <v>0.26717721262090405</v>
      </c>
      <c r="F162" s="92">
        <v>0.10026930701453911</v>
      </c>
      <c r="G162" s="159">
        <v>0.31823980910355532</v>
      </c>
      <c r="H162" s="92">
        <v>0.10492481064726121</v>
      </c>
      <c r="I162" s="159">
        <v>0.19372908633231919</v>
      </c>
      <c r="J162" s="92">
        <v>9.0924091971174084E-2</v>
      </c>
      <c r="K162" s="44">
        <v>76</v>
      </c>
      <c r="L162" s="159">
        <v>0.22317372258181059</v>
      </c>
      <c r="M162" s="92">
        <v>9.5089144740090045E-2</v>
      </c>
      <c r="N162" s="159">
        <v>0.20708928539273783</v>
      </c>
      <c r="O162" s="92">
        <v>9.2889313224021469E-2</v>
      </c>
      <c r="P162" s="159">
        <v>0.47514561941746258</v>
      </c>
      <c r="Q162" s="92">
        <v>0.11167866614503577</v>
      </c>
      <c r="R162" s="159">
        <v>9.4591372607988264E-2</v>
      </c>
      <c r="S162" s="92">
        <v>7.1298166163163978E-2</v>
      </c>
      <c r="T162" s="44">
        <v>76</v>
      </c>
      <c r="U162" s="159">
        <v>0.1262317700032673</v>
      </c>
      <c r="V162" s="92">
        <v>7.8714141834936927E-2</v>
      </c>
      <c r="W162" s="159">
        <v>0.16739193240135627</v>
      </c>
      <c r="X162" s="92">
        <v>8.6648172431646589E-2</v>
      </c>
      <c r="Y162" s="159">
        <v>0.68948297032020411</v>
      </c>
      <c r="Z162" s="92">
        <v>0.1043064772851298</v>
      </c>
      <c r="AA162" s="159">
        <v>1.6893327275171767E-2</v>
      </c>
      <c r="AB162" s="92">
        <v>4.4364213251669976E-2</v>
      </c>
    </row>
    <row r="163" spans="1:28">
      <c r="A163" s="40" t="s">
        <v>541</v>
      </c>
      <c r="B163" s="157">
        <v>77</v>
      </c>
      <c r="C163" s="160">
        <v>0.35272429871041444</v>
      </c>
      <c r="D163" s="89">
        <v>0.10666648342333689</v>
      </c>
      <c r="E163" s="160">
        <v>0.25315694446172476</v>
      </c>
      <c r="F163" s="89">
        <v>9.8115034657520223E-2</v>
      </c>
      <c r="G163" s="160">
        <v>0.32131299675787106</v>
      </c>
      <c r="H163" s="89">
        <v>0.104502720612124</v>
      </c>
      <c r="I163" s="160">
        <v>7.2805760069990344E-2</v>
      </c>
      <c r="J163" s="89">
        <v>6.4820446838512014E-2</v>
      </c>
      <c r="K163" s="157">
        <v>77</v>
      </c>
      <c r="L163" s="160">
        <v>0.41195853138464855</v>
      </c>
      <c r="M163" s="89">
        <v>0.10954346509542084</v>
      </c>
      <c r="N163" s="160">
        <v>0.11297590521507955</v>
      </c>
      <c r="O163" s="89">
        <v>7.5241475289932747E-2</v>
      </c>
      <c r="P163" s="160">
        <v>0.43722759617673768</v>
      </c>
      <c r="Q163" s="89">
        <v>0.11031698187466471</v>
      </c>
      <c r="R163" s="160">
        <v>3.7837967223534955E-2</v>
      </c>
      <c r="S163" s="89">
        <v>5.3046009837287515E-2</v>
      </c>
      <c r="T163" s="157">
        <v>77</v>
      </c>
      <c r="U163" s="160">
        <v>0.18605264524964571</v>
      </c>
      <c r="V163" s="89">
        <v>8.9147210526357351E-2</v>
      </c>
      <c r="W163" s="160">
        <v>0.1890047472136426</v>
      </c>
      <c r="X163" s="89">
        <v>8.9607784811613633E-2</v>
      </c>
      <c r="Y163" s="160">
        <v>0.61271628390417898</v>
      </c>
      <c r="Z163" s="89">
        <v>0.10852976317861614</v>
      </c>
      <c r="AA163" s="160">
        <v>1.2226323632533665E-2</v>
      </c>
      <c r="AB163" s="89">
        <v>4.1571127410077242E-2</v>
      </c>
    </row>
    <row r="164" spans="1:28">
      <c r="A164" s="44" t="s">
        <v>542</v>
      </c>
      <c r="B164" s="158">
        <v>607</v>
      </c>
      <c r="C164" s="159">
        <v>0.20264891286146469</v>
      </c>
      <c r="D164" s="92">
        <v>3.2640101617028752E-2</v>
      </c>
      <c r="E164" s="159">
        <v>0.21370766232795207</v>
      </c>
      <c r="F164" s="92">
        <v>3.3272800294705598E-2</v>
      </c>
      <c r="G164" s="159">
        <v>0.42644486597971726</v>
      </c>
      <c r="H164" s="92">
        <v>4.0021291367868729E-2</v>
      </c>
      <c r="I164" s="159">
        <v>0.15719855883086004</v>
      </c>
      <c r="J164" s="92">
        <v>2.9620708132293189E-2</v>
      </c>
      <c r="K164" s="158">
        <v>611</v>
      </c>
      <c r="L164" s="159">
        <v>0.21886819825869297</v>
      </c>
      <c r="M164" s="92">
        <v>3.3445955957151823E-2</v>
      </c>
      <c r="N164" s="159">
        <v>0.20377139296706384</v>
      </c>
      <c r="O164" s="92">
        <v>3.25987063143496E-2</v>
      </c>
      <c r="P164" s="159">
        <v>0.48814664506878908</v>
      </c>
      <c r="Q164" s="92">
        <v>4.0312706117097252E-2</v>
      </c>
      <c r="R164" s="159">
        <v>8.9213763705448187E-2</v>
      </c>
      <c r="S164" s="92">
        <v>2.3296266617232025E-2</v>
      </c>
      <c r="T164" s="158">
        <v>609</v>
      </c>
      <c r="U164" s="159">
        <v>0.10642282619207201</v>
      </c>
      <c r="V164" s="92">
        <v>2.5173069464443542E-2</v>
      </c>
      <c r="W164" s="159">
        <v>0.1641362826505264</v>
      </c>
      <c r="X164" s="92">
        <v>3.0080145531484852E-2</v>
      </c>
      <c r="Y164" s="159">
        <v>0.70779453460786701</v>
      </c>
      <c r="Z164" s="92">
        <v>3.6786327860025815E-2</v>
      </c>
      <c r="AA164" s="159">
        <v>2.1646356549528147E-2</v>
      </c>
      <c r="AB164" s="92">
        <v>1.2554432001801452E-2</v>
      </c>
    </row>
    <row r="165" spans="1:28">
      <c r="A165" s="40" t="s">
        <v>543</v>
      </c>
      <c r="B165" s="78">
        <v>59</v>
      </c>
      <c r="C165" s="160">
        <v>0.17074628688330923</v>
      </c>
      <c r="D165" s="89">
        <v>9.9177912823722292E-2</v>
      </c>
      <c r="E165" s="160">
        <v>0.17998979752526917</v>
      </c>
      <c r="F165" s="89">
        <v>0.10084866819731829</v>
      </c>
      <c r="G165" s="160">
        <v>0.36932564134235935</v>
      </c>
      <c r="H165" s="89">
        <v>0.12215621780470828</v>
      </c>
      <c r="I165" s="160">
        <v>0.27993827424906298</v>
      </c>
      <c r="J165" s="89">
        <v>0.11478816826178596</v>
      </c>
      <c r="K165" s="78">
        <v>59</v>
      </c>
      <c r="L165" s="160">
        <v>0.15275547658718974</v>
      </c>
      <c r="M165" s="89">
        <v>9.5700175726350617E-2</v>
      </c>
      <c r="N165" s="160">
        <v>0.29515417964237156</v>
      </c>
      <c r="O165" s="89">
        <v>0.11634582154006542</v>
      </c>
      <c r="P165" s="160">
        <v>0.4654671650874122</v>
      </c>
      <c r="Q165" s="89">
        <v>0.12572434111151692</v>
      </c>
      <c r="R165" s="160">
        <v>8.6623178683027241E-2</v>
      </c>
      <c r="S165" s="89">
        <v>7.9733620520718279E-2</v>
      </c>
      <c r="T165" s="78">
        <v>59</v>
      </c>
      <c r="U165" s="160">
        <v>5.326955358799234E-2</v>
      </c>
      <c r="V165" s="89">
        <v>6.8992468351266184E-2</v>
      </c>
      <c r="W165" s="160">
        <v>0.12722281005437538</v>
      </c>
      <c r="X165" s="89">
        <v>9.0193107787169616E-2</v>
      </c>
      <c r="Y165" s="160">
        <v>0.79159290537041116</v>
      </c>
      <c r="Z165" s="89">
        <v>0.10553802337998039</v>
      </c>
      <c r="AA165" s="160">
        <v>2.7914730987221067E-2</v>
      </c>
      <c r="AB165" s="89">
        <v>5.8844606845623759E-2</v>
      </c>
    </row>
    <row r="166" spans="1:28">
      <c r="A166" s="44" t="s">
        <v>550</v>
      </c>
      <c r="B166" s="158">
        <v>107</v>
      </c>
      <c r="C166" s="159">
        <v>0.22132896995651408</v>
      </c>
      <c r="D166" s="92">
        <v>8.0053709736864362E-2</v>
      </c>
      <c r="E166" s="159">
        <v>0.25474780051609097</v>
      </c>
      <c r="F166" s="92">
        <v>8.3635478286786302E-2</v>
      </c>
      <c r="G166" s="159">
        <v>0.31083032966275903</v>
      </c>
      <c r="H166" s="92">
        <v>8.8378277117537221E-2</v>
      </c>
      <c r="I166" s="159">
        <v>0.21309289986463575</v>
      </c>
      <c r="J166" s="92">
        <v>7.9073482303576192E-2</v>
      </c>
      <c r="K166" s="158">
        <v>109</v>
      </c>
      <c r="L166" s="159">
        <v>0.28710858347360924</v>
      </c>
      <c r="M166" s="92">
        <v>8.5771696224869312E-2</v>
      </c>
      <c r="N166" s="159">
        <v>0.16564068113771335</v>
      </c>
      <c r="O166" s="92">
        <v>7.1884502595261995E-2</v>
      </c>
      <c r="P166" s="159">
        <v>0.41569297049404952</v>
      </c>
      <c r="Q166" s="92">
        <v>9.2819477826622268E-2</v>
      </c>
      <c r="R166" s="159">
        <v>0.13155776489462767</v>
      </c>
      <c r="S166" s="92">
        <v>6.6169751447851977E-2</v>
      </c>
      <c r="T166" s="158">
        <v>109</v>
      </c>
      <c r="U166" s="159">
        <v>0.10247753951652848</v>
      </c>
      <c r="V166" s="92">
        <v>6.0372129504993793E-2</v>
      </c>
      <c r="W166" s="159">
        <v>0.2531903862707941</v>
      </c>
      <c r="X166" s="92">
        <v>8.2723818427656817E-2</v>
      </c>
      <c r="Y166" s="159">
        <v>0.61197263500492116</v>
      </c>
      <c r="Z166" s="92">
        <v>9.1850986574777138E-2</v>
      </c>
      <c r="AA166" s="159">
        <v>3.2359439207756385E-2</v>
      </c>
      <c r="AB166" s="92">
        <v>4.0580128211787678E-2</v>
      </c>
    </row>
    <row r="167" spans="1:28">
      <c r="A167" s="52" t="s">
        <v>544</v>
      </c>
      <c r="B167" s="157">
        <v>120</v>
      </c>
      <c r="C167" s="160">
        <v>0.22153691200518014</v>
      </c>
      <c r="D167" s="89">
        <v>7.5643542215455217E-2</v>
      </c>
      <c r="E167" s="160">
        <v>0.21426008783903674</v>
      </c>
      <c r="F167" s="89">
        <v>7.4819203461545469E-2</v>
      </c>
      <c r="G167" s="160">
        <v>0.44643270866041929</v>
      </c>
      <c r="H167" s="89">
        <v>8.9318691014944288E-2</v>
      </c>
      <c r="I167" s="160">
        <v>0.11777029149536364</v>
      </c>
      <c r="J167" s="89">
        <v>6.0421689838675623E-2</v>
      </c>
      <c r="K167" s="157">
        <v>121</v>
      </c>
      <c r="L167" s="160">
        <v>0.28645316244891422</v>
      </c>
      <c r="M167" s="89">
        <v>8.1440942152321338E-2</v>
      </c>
      <c r="N167" s="160">
        <v>0.22168396697367401</v>
      </c>
      <c r="O167" s="89">
        <v>7.5348426929201157E-2</v>
      </c>
      <c r="P167" s="160">
        <v>0.42152357394162993</v>
      </c>
      <c r="Q167" s="89">
        <v>8.840439651747152E-2</v>
      </c>
      <c r="R167" s="160">
        <v>7.0339296635781687E-2</v>
      </c>
      <c r="S167" s="89">
        <v>4.9644358727527454E-2</v>
      </c>
      <c r="T167" s="157">
        <v>120</v>
      </c>
      <c r="U167" s="160">
        <v>0.12221112735856966</v>
      </c>
      <c r="V167" s="89">
        <v>6.1259648093108333E-2</v>
      </c>
      <c r="W167" s="160">
        <v>0.19453189263514614</v>
      </c>
      <c r="X167" s="89">
        <v>7.2426199844911443E-2</v>
      </c>
      <c r="Y167" s="160">
        <v>0.66664273474473001</v>
      </c>
      <c r="Z167" s="89">
        <v>8.5003396943283849E-2</v>
      </c>
      <c r="AA167" s="160">
        <v>1.6614245261554667E-2</v>
      </c>
      <c r="AB167" s="89">
        <v>3.1709376730990689E-2</v>
      </c>
    </row>
    <row r="168" spans="1:28">
      <c r="A168" s="44" t="s">
        <v>545</v>
      </c>
      <c r="B168" s="158">
        <v>155</v>
      </c>
      <c r="C168" s="159">
        <v>0.1530610120568012</v>
      </c>
      <c r="D168" s="92">
        <v>5.8409386780344304E-2</v>
      </c>
      <c r="E168" s="159">
        <v>0.22680942897694745</v>
      </c>
      <c r="F168" s="92">
        <v>6.7119493849372602E-2</v>
      </c>
      <c r="G168" s="159">
        <v>0.49074240654210094</v>
      </c>
      <c r="H168" s="92">
        <v>7.9292239474582457E-2</v>
      </c>
      <c r="I168" s="159">
        <v>0.12938715242415103</v>
      </c>
      <c r="J168" s="92">
        <v>5.4822773351266334E-2</v>
      </c>
      <c r="K168" s="158">
        <v>155</v>
      </c>
      <c r="L168" s="159">
        <v>0.20233151618121795</v>
      </c>
      <c r="M168" s="92">
        <v>6.4582955455304444E-2</v>
      </c>
      <c r="N168" s="159">
        <v>0.19954088603274608</v>
      </c>
      <c r="O168" s="92">
        <v>6.4273268625039348E-2</v>
      </c>
      <c r="P168" s="159">
        <v>0.52046047542671403</v>
      </c>
      <c r="Q168" s="92">
        <v>7.9242033061386552E-2</v>
      </c>
      <c r="R168" s="159">
        <v>7.7667122359322258E-2</v>
      </c>
      <c r="S168" s="92">
        <v>4.5000740250826447E-2</v>
      </c>
      <c r="T168" s="158">
        <v>155</v>
      </c>
      <c r="U168" s="159">
        <v>0.11457991852186847</v>
      </c>
      <c r="V168" s="92">
        <v>5.232493825749663E-2</v>
      </c>
      <c r="W168" s="159">
        <v>0.11307467727053372</v>
      </c>
      <c r="X168" s="92">
        <v>5.2058671234439115E-2</v>
      </c>
      <c r="Y168" s="159">
        <v>0.7487612120413536</v>
      </c>
      <c r="Z168" s="92">
        <v>6.9353213498050112E-2</v>
      </c>
      <c r="AA168" s="159">
        <v>2.3584192166244286E-2</v>
      </c>
      <c r="AB168" s="92">
        <v>2.9376885834194129E-2</v>
      </c>
    </row>
    <row r="169" spans="1:28">
      <c r="A169" s="52" t="s">
        <v>546</v>
      </c>
      <c r="B169" s="157">
        <v>72</v>
      </c>
      <c r="C169" s="160">
        <v>0.24465852151937514</v>
      </c>
      <c r="D169" s="89">
        <v>0.10038955782578678</v>
      </c>
      <c r="E169" s="160">
        <v>0.11726529902060236</v>
      </c>
      <c r="F169" s="89">
        <v>7.898298750296287E-2</v>
      </c>
      <c r="G169" s="160">
        <v>0.54010944476037859</v>
      </c>
      <c r="H169" s="89">
        <v>0.11437613846997628</v>
      </c>
      <c r="I169" s="160">
        <v>9.7966734699643329E-2</v>
      </c>
      <c r="J169" s="89">
        <v>7.4316282048333349E-2</v>
      </c>
      <c r="K169" s="157">
        <v>72</v>
      </c>
      <c r="L169" s="160">
        <v>0.13947892666209541</v>
      </c>
      <c r="M169" s="89">
        <v>8.3774804218528662E-2</v>
      </c>
      <c r="N169" s="160">
        <v>0.15658333037842767</v>
      </c>
      <c r="O169" s="89">
        <v>8.7103239628380111E-2</v>
      </c>
      <c r="P169" s="160">
        <v>0.65625197760451415</v>
      </c>
      <c r="Q169" s="89">
        <v>0.10956556680812758</v>
      </c>
      <c r="R169" s="160">
        <v>4.7685765354962113E-2</v>
      </c>
      <c r="S169" s="89">
        <v>5.9107708743544728E-2</v>
      </c>
      <c r="T169" s="157">
        <v>72</v>
      </c>
      <c r="U169" s="160">
        <v>7.1582222025077566E-2</v>
      </c>
      <c r="V169" s="89">
        <v>6.6991739545651047E-2</v>
      </c>
      <c r="W169" s="160">
        <v>0.13884007505942311</v>
      </c>
      <c r="X169" s="89">
        <v>8.3644720374450754E-2</v>
      </c>
      <c r="Y169" s="160">
        <v>0.78957770291549922</v>
      </c>
      <c r="Z169" s="89">
        <v>9.5899985175573452E-2</v>
      </c>
      <c r="AA169" s="160">
        <v>0</v>
      </c>
      <c r="AB169" s="89">
        <v>3.6723195522334773E-2</v>
      </c>
    </row>
    <row r="170" spans="1:28">
      <c r="A170" s="44" t="s">
        <v>547</v>
      </c>
      <c r="B170" s="158">
        <v>94</v>
      </c>
      <c r="C170" s="159">
        <v>0.22513790536433065</v>
      </c>
      <c r="D170" s="92">
        <v>8.5831406972622246E-2</v>
      </c>
      <c r="E170" s="159">
        <v>0.24321331395323487</v>
      </c>
      <c r="F170" s="92">
        <v>8.7908475822454479E-2</v>
      </c>
      <c r="G170" s="159">
        <v>0.36464204277246354</v>
      </c>
      <c r="H170" s="92">
        <v>9.7550270676190196E-2</v>
      </c>
      <c r="I170" s="159">
        <v>0.16700673790996959</v>
      </c>
      <c r="J170" s="92">
        <v>7.7718107521422858E-2</v>
      </c>
      <c r="K170" s="158">
        <v>95</v>
      </c>
      <c r="L170" s="159">
        <v>0.14913259938229664</v>
      </c>
      <c r="M170" s="92">
        <v>7.4301925945614453E-2</v>
      </c>
      <c r="N170" s="159">
        <v>0.23075031757302789</v>
      </c>
      <c r="O170" s="92">
        <v>8.6045436486773957E-2</v>
      </c>
      <c r="P170" s="159">
        <v>0.4971336115603544</v>
      </c>
      <c r="Q170" s="92">
        <v>0.10050226075922655</v>
      </c>
      <c r="R170" s="159">
        <v>0.12298347148431965</v>
      </c>
      <c r="S170" s="92">
        <v>6.9373144752957888E-2</v>
      </c>
      <c r="T170" s="158">
        <v>94</v>
      </c>
      <c r="U170" s="159">
        <v>0.14520597708190405</v>
      </c>
      <c r="V170" s="92">
        <v>7.4006980085884952E-2</v>
      </c>
      <c r="W170" s="159">
        <v>0.12164109956715168</v>
      </c>
      <c r="X170" s="92">
        <v>6.9485634752375736E-2</v>
      </c>
      <c r="Y170" s="159">
        <v>0.7063538579484927</v>
      </c>
      <c r="Z170" s="92">
        <v>9.2763297562415456E-2</v>
      </c>
      <c r="AA170" s="159">
        <v>2.6799065402449803E-2</v>
      </c>
      <c r="AB170" s="92">
        <v>4.237198949354197E-2</v>
      </c>
    </row>
    <row r="171" spans="1:28">
      <c r="A171" s="52" t="s">
        <v>551</v>
      </c>
      <c r="B171" s="157">
        <v>762</v>
      </c>
      <c r="C171" s="160">
        <v>0.2100452111679974</v>
      </c>
      <c r="D171" s="89">
        <v>2.9513194199465392E-2</v>
      </c>
      <c r="E171" s="160">
        <v>0.22874451265321205</v>
      </c>
      <c r="F171" s="89">
        <v>3.0418054012289912E-2</v>
      </c>
      <c r="G171" s="160">
        <v>0.39098668642992301</v>
      </c>
      <c r="H171" s="89">
        <v>3.5271412197296091E-2</v>
      </c>
      <c r="I171" s="160">
        <v>0.17022358974887053</v>
      </c>
      <c r="J171" s="89">
        <v>2.7267205970985798E-2</v>
      </c>
      <c r="K171" s="157">
        <v>760</v>
      </c>
      <c r="L171" s="160">
        <v>0.26318305664177799</v>
      </c>
      <c r="M171" s="89">
        <v>3.1911481536193609E-2</v>
      </c>
      <c r="N171" s="160">
        <v>0.19461755449409335</v>
      </c>
      <c r="O171" s="89">
        <v>2.8735618644570884E-2</v>
      </c>
      <c r="P171" s="160">
        <v>0.40065993842058228</v>
      </c>
      <c r="Q171" s="89">
        <v>3.5465093537524944E-2</v>
      </c>
      <c r="R171" s="160">
        <v>0.14153945044354918</v>
      </c>
      <c r="S171" s="89">
        <v>2.5361057539250154E-2</v>
      </c>
      <c r="T171" s="157">
        <v>759</v>
      </c>
      <c r="U171" s="160">
        <v>0.1942032188362397</v>
      </c>
      <c r="V171" s="89">
        <v>2.8731707086342529E-2</v>
      </c>
      <c r="W171" s="160">
        <v>0.22282352428343874</v>
      </c>
      <c r="X171" s="89">
        <v>3.0200432525508566E-2</v>
      </c>
      <c r="Y171" s="160">
        <v>0.50189181710387931</v>
      </c>
      <c r="Z171" s="89">
        <v>3.6202174286812813E-2</v>
      </c>
      <c r="AA171" s="160">
        <v>8.1081439776444386E-2</v>
      </c>
      <c r="AB171" s="89">
        <v>2.0005562227454404E-2</v>
      </c>
    </row>
    <row r="172" spans="1:28">
      <c r="A172" s="44" t="s">
        <v>552</v>
      </c>
      <c r="B172" s="158">
        <v>211</v>
      </c>
      <c r="C172" s="159">
        <v>0.18285190435621332</v>
      </c>
      <c r="D172" s="92">
        <v>5.3374480521160575E-2</v>
      </c>
      <c r="E172" s="159">
        <v>0.22385828172397154</v>
      </c>
      <c r="F172" s="92">
        <v>5.7312967760430086E-2</v>
      </c>
      <c r="G172" s="159">
        <v>0.36155811041252844</v>
      </c>
      <c r="H172" s="92">
        <v>6.5633282607651847E-2</v>
      </c>
      <c r="I172" s="159">
        <v>0.23173170350728678</v>
      </c>
      <c r="J172" s="92">
        <v>5.7979159880590478E-2</v>
      </c>
      <c r="K172" s="158">
        <v>211</v>
      </c>
      <c r="L172" s="159">
        <v>0.25070118960365462</v>
      </c>
      <c r="M172" s="92">
        <v>5.9476967643552502E-2</v>
      </c>
      <c r="N172" s="159">
        <v>0.20386372260566066</v>
      </c>
      <c r="O172" s="92">
        <v>5.5495414990393774E-2</v>
      </c>
      <c r="P172" s="159">
        <v>0.36175838917470066</v>
      </c>
      <c r="Q172" s="92">
        <v>6.5640846555681046E-2</v>
      </c>
      <c r="R172" s="159">
        <v>0.18367669861598415</v>
      </c>
      <c r="S172" s="92">
        <v>5.3462112401859718E-2</v>
      </c>
      <c r="T172" s="158">
        <v>210</v>
      </c>
      <c r="U172" s="159">
        <v>0.14624012128727723</v>
      </c>
      <c r="V172" s="92">
        <v>4.919702565395382E-2</v>
      </c>
      <c r="W172" s="159">
        <v>0.23628421844845285</v>
      </c>
      <c r="X172" s="92">
        <v>5.8490280342439416E-2</v>
      </c>
      <c r="Y172" s="159">
        <v>0.51732280509292061</v>
      </c>
      <c r="Z172" s="92">
        <v>6.831907459475102E-2</v>
      </c>
      <c r="AA172" s="159">
        <v>0.10015285517134903</v>
      </c>
      <c r="AB172" s="92">
        <v>4.2369787623345312E-2</v>
      </c>
    </row>
    <row r="173" spans="1:28">
      <c r="A173" s="52" t="s">
        <v>553</v>
      </c>
      <c r="B173" s="157">
        <v>271</v>
      </c>
      <c r="C173" s="160">
        <v>0.2405117414337189</v>
      </c>
      <c r="D173" s="89">
        <v>5.1819323820395578E-2</v>
      </c>
      <c r="E173" s="160">
        <v>0.23236215361206333</v>
      </c>
      <c r="F173" s="89">
        <v>5.1230475405722904E-2</v>
      </c>
      <c r="G173" s="160">
        <v>0.39970533383671936</v>
      </c>
      <c r="H173" s="89">
        <v>5.9112401749143555E-2</v>
      </c>
      <c r="I173" s="160">
        <v>0.12742077111749936</v>
      </c>
      <c r="J173" s="89">
        <v>4.0933402544284105E-2</v>
      </c>
      <c r="K173" s="157">
        <v>271</v>
      </c>
      <c r="L173" s="160">
        <v>0.27896607477878399</v>
      </c>
      <c r="M173" s="89">
        <v>5.4279402792607644E-2</v>
      </c>
      <c r="N173" s="160">
        <v>0.19211828770381831</v>
      </c>
      <c r="O173" s="89">
        <v>4.7931216920327036E-2</v>
      </c>
      <c r="P173" s="160">
        <v>0.3917109781769551</v>
      </c>
      <c r="Q173" s="89">
        <v>5.8912834431062405E-2</v>
      </c>
      <c r="R173" s="160">
        <v>0.13720465934044368</v>
      </c>
      <c r="S173" s="89">
        <v>4.2156531276270816E-2</v>
      </c>
      <c r="T173" s="157">
        <v>271</v>
      </c>
      <c r="U173" s="160">
        <v>0.20400970768147775</v>
      </c>
      <c r="V173" s="89">
        <v>4.8977898249563535E-2</v>
      </c>
      <c r="W173" s="160">
        <v>0.23727356452626705</v>
      </c>
      <c r="X173" s="89">
        <v>5.1588331543578766E-2</v>
      </c>
      <c r="Y173" s="160">
        <v>0.49319062641206651</v>
      </c>
      <c r="Z173" s="89">
        <v>6.0296838029090909E-2</v>
      </c>
      <c r="AA173" s="160">
        <v>6.5526101380189855E-2</v>
      </c>
      <c r="AB173" s="89">
        <v>3.1143985613742584E-2</v>
      </c>
    </row>
    <row r="174" spans="1:28">
      <c r="A174" s="44" t="s">
        <v>554</v>
      </c>
      <c r="B174" s="158">
        <v>242</v>
      </c>
      <c r="C174" s="159">
        <v>0.21048808171442307</v>
      </c>
      <c r="D174" s="92">
        <v>5.2403445786695972E-2</v>
      </c>
      <c r="E174" s="159">
        <v>0.22838477946034591</v>
      </c>
      <c r="F174" s="92">
        <v>5.3890109177523765E-2</v>
      </c>
      <c r="G174" s="159">
        <v>0.38271434831797208</v>
      </c>
      <c r="H174" s="92">
        <v>6.2036939699269024E-2</v>
      </c>
      <c r="I174" s="159">
        <v>0.17841279050725992</v>
      </c>
      <c r="J174" s="92">
        <v>4.9372900214702024E-2</v>
      </c>
      <c r="K174" s="158">
        <v>240</v>
      </c>
      <c r="L174" s="159">
        <v>0.27622976370555724</v>
      </c>
      <c r="M174" s="92">
        <v>5.7482023711128656E-2</v>
      </c>
      <c r="N174" s="159">
        <v>0.17144834627430558</v>
      </c>
      <c r="O174" s="92">
        <v>4.8849722746436196E-2</v>
      </c>
      <c r="P174" s="159">
        <v>0.4334271951848791</v>
      </c>
      <c r="Q174" s="92">
        <v>6.3467066463155281E-2</v>
      </c>
      <c r="R174" s="159">
        <v>0.11889469483525877</v>
      </c>
      <c r="S174" s="92">
        <v>4.2364871357968056E-2</v>
      </c>
      <c r="T174" s="158">
        <v>241</v>
      </c>
      <c r="U174" s="159">
        <v>0.2382249971894943</v>
      </c>
      <c r="V174" s="92">
        <v>5.4763785220277986E-2</v>
      </c>
      <c r="W174" s="159">
        <v>0.17192768694919519</v>
      </c>
      <c r="X174" s="92">
        <v>4.8798521846152444E-2</v>
      </c>
      <c r="Y174" s="159">
        <v>0.49451268099641643</v>
      </c>
      <c r="Z174" s="92">
        <v>6.3883933595108106E-2</v>
      </c>
      <c r="AA174" s="159">
        <v>9.5334634864894754E-2</v>
      </c>
      <c r="AB174" s="92">
        <v>3.8661136732087015E-2</v>
      </c>
    </row>
  </sheetData>
  <mergeCells count="24">
    <mergeCell ref="T150:AB150"/>
    <mergeCell ref="K150:S150"/>
    <mergeCell ref="B150:J150"/>
    <mergeCell ref="A91:V91"/>
    <mergeCell ref="A5:D5"/>
    <mergeCell ref="A34:D34"/>
    <mergeCell ref="A61:D61"/>
    <mergeCell ref="A62:D62"/>
    <mergeCell ref="E34:I34"/>
    <mergeCell ref="A33:I33"/>
    <mergeCell ref="A63:D63"/>
    <mergeCell ref="A90:V90"/>
    <mergeCell ref="A121:D121"/>
    <mergeCell ref="A149:AB149"/>
    <mergeCell ref="A148:AB148"/>
    <mergeCell ref="P92:V92"/>
    <mergeCell ref="A119:D119"/>
    <mergeCell ref="A120:D120"/>
    <mergeCell ref="A3:O3"/>
    <mergeCell ref="A4:O4"/>
    <mergeCell ref="E5:O5"/>
    <mergeCell ref="A32:I32"/>
    <mergeCell ref="B92:H92"/>
    <mergeCell ref="I92:O92"/>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S147"/>
  <sheetViews>
    <sheetView zoomScaleNormal="100" workbookViewId="0"/>
  </sheetViews>
  <sheetFormatPr defaultColWidth="19.140625" defaultRowHeight="15"/>
  <cols>
    <col min="1" max="1" width="47.7109375" customWidth="1"/>
  </cols>
  <sheetData>
    <row r="1" spans="1:4" ht="31.5">
      <c r="A1" s="30" t="s">
        <v>39</v>
      </c>
    </row>
    <row r="3" spans="1:4" ht="18.75">
      <c r="A3" s="344" t="s">
        <v>11</v>
      </c>
      <c r="B3" s="344"/>
      <c r="C3" s="344"/>
      <c r="D3" s="344"/>
    </row>
    <row r="4" spans="1:4" ht="133.5" customHeight="1">
      <c r="A4" s="402" t="s">
        <v>469</v>
      </c>
      <c r="B4" s="402"/>
      <c r="C4" s="402"/>
      <c r="D4" s="402"/>
    </row>
    <row r="5" spans="1:4" ht="38.25" customHeight="1">
      <c r="A5" s="351" t="s">
        <v>122</v>
      </c>
      <c r="B5" s="351"/>
      <c r="C5" s="351"/>
      <c r="D5" s="351"/>
    </row>
    <row r="6" spans="1:4" ht="72">
      <c r="A6" s="32" t="s">
        <v>71</v>
      </c>
      <c r="B6" s="33" t="s">
        <v>72</v>
      </c>
      <c r="C6" s="34" t="s">
        <v>593</v>
      </c>
      <c r="D6" s="35" t="s">
        <v>73</v>
      </c>
    </row>
    <row r="7" spans="1:4" ht="72">
      <c r="A7" s="36"/>
      <c r="B7" s="37" t="s">
        <v>74</v>
      </c>
      <c r="C7" s="123" t="s">
        <v>123</v>
      </c>
      <c r="D7" s="39" t="s">
        <v>76</v>
      </c>
    </row>
    <row r="8" spans="1:4">
      <c r="A8" s="40" t="s">
        <v>350</v>
      </c>
      <c r="B8" s="161">
        <v>13038</v>
      </c>
      <c r="C8" s="162">
        <v>4.3063938454541928</v>
      </c>
      <c r="D8" s="81">
        <v>2.3278647383610147E-2</v>
      </c>
    </row>
    <row r="9" spans="1:4">
      <c r="A9" s="44" t="s">
        <v>351</v>
      </c>
      <c r="B9" s="44">
        <v>9671</v>
      </c>
      <c r="C9" s="164">
        <v>4.2588562671727557</v>
      </c>
      <c r="D9" s="82">
        <v>2.7110082737648852E-2</v>
      </c>
    </row>
    <row r="10" spans="1:4">
      <c r="A10" s="40" t="s">
        <v>352</v>
      </c>
      <c r="B10" s="48">
        <v>3367</v>
      </c>
      <c r="C10" s="162">
        <v>4.3459776287948415</v>
      </c>
      <c r="D10" s="81">
        <v>4.5414474455323685E-2</v>
      </c>
    </row>
    <row r="11" spans="1:4">
      <c r="A11" s="44" t="s">
        <v>534</v>
      </c>
      <c r="B11" s="44">
        <v>3032</v>
      </c>
      <c r="C11" s="164">
        <v>4.3477820664551761</v>
      </c>
      <c r="D11" s="82">
        <v>4.6927449679057029E-2</v>
      </c>
    </row>
    <row r="12" spans="1:4">
      <c r="A12" s="40" t="s">
        <v>535</v>
      </c>
      <c r="B12" s="48">
        <v>2404</v>
      </c>
      <c r="C12" s="162">
        <v>4.3290965778949957</v>
      </c>
      <c r="D12" s="81">
        <v>5.2277732063965701E-2</v>
      </c>
    </row>
    <row r="13" spans="1:4">
      <c r="A13" s="44" t="s">
        <v>536</v>
      </c>
      <c r="B13" s="44">
        <v>352</v>
      </c>
      <c r="C13" s="164">
        <v>4.0734055784058496</v>
      </c>
      <c r="D13" s="82">
        <v>0.14097735749274101</v>
      </c>
    </row>
    <row r="14" spans="1:4">
      <c r="A14" s="40" t="s">
        <v>537</v>
      </c>
      <c r="B14" s="48">
        <v>79</v>
      </c>
      <c r="C14" s="162">
        <v>4.2192092404223196</v>
      </c>
      <c r="D14" s="81">
        <v>0.32232309429024486</v>
      </c>
    </row>
    <row r="15" spans="1:4">
      <c r="A15" s="44" t="s">
        <v>538</v>
      </c>
      <c r="B15" s="44">
        <v>62</v>
      </c>
      <c r="C15" s="164">
        <v>3.7814481233013022</v>
      </c>
      <c r="D15" s="82">
        <v>0.33707150734104679</v>
      </c>
    </row>
    <row r="16" spans="1:4">
      <c r="A16" s="40" t="s">
        <v>539</v>
      </c>
      <c r="B16" s="48">
        <v>62</v>
      </c>
      <c r="C16" s="162">
        <v>4.109819273379463</v>
      </c>
      <c r="D16" s="81">
        <v>0.32576912846422784</v>
      </c>
    </row>
    <row r="17" spans="1:37">
      <c r="A17" s="44" t="s">
        <v>540</v>
      </c>
      <c r="B17" s="44">
        <v>72</v>
      </c>
      <c r="C17" s="164">
        <v>4.1615843866874593</v>
      </c>
      <c r="D17" s="82">
        <v>0.29722567794940602</v>
      </c>
    </row>
    <row r="18" spans="1:37">
      <c r="A18" s="40" t="s">
        <v>541</v>
      </c>
      <c r="B18" s="161">
        <v>77</v>
      </c>
      <c r="C18" s="162">
        <v>4.0715196212604319</v>
      </c>
      <c r="D18" s="81">
        <v>0.29209678204337142</v>
      </c>
    </row>
    <row r="19" spans="1:37">
      <c r="A19" s="44" t="s">
        <v>542</v>
      </c>
      <c r="B19" s="163">
        <v>583</v>
      </c>
      <c r="C19" s="164">
        <v>4.4542485332631037</v>
      </c>
      <c r="D19" s="82">
        <v>0.10924690226662723</v>
      </c>
    </row>
    <row r="20" spans="1:37">
      <c r="A20" s="40" t="s">
        <v>543</v>
      </c>
      <c r="B20" s="78">
        <v>55</v>
      </c>
      <c r="C20" s="162">
        <v>5.0692507451885414</v>
      </c>
      <c r="D20" s="81">
        <v>0.33087018956937292</v>
      </c>
    </row>
    <row r="21" spans="1:37">
      <c r="A21" s="44" t="s">
        <v>550</v>
      </c>
      <c r="B21" s="163">
        <v>99</v>
      </c>
      <c r="C21" s="164">
        <v>4.200424707406901</v>
      </c>
      <c r="D21" s="82">
        <v>0.25988105702547276</v>
      </c>
    </row>
    <row r="22" spans="1:37">
      <c r="A22" s="52" t="s">
        <v>544</v>
      </c>
      <c r="B22" s="161">
        <v>118</v>
      </c>
      <c r="C22" s="162">
        <v>4.3738978525942205</v>
      </c>
      <c r="D22" s="81">
        <v>0.2451156049546229</v>
      </c>
    </row>
    <row r="23" spans="1:37">
      <c r="A23" s="44" t="s">
        <v>545</v>
      </c>
      <c r="B23" s="163">
        <v>150</v>
      </c>
      <c r="C23" s="164">
        <v>4.5036252337436187</v>
      </c>
      <c r="D23" s="82">
        <v>0.19908997885106311</v>
      </c>
    </row>
    <row r="24" spans="1:37">
      <c r="A24" s="52" t="s">
        <v>546</v>
      </c>
      <c r="B24" s="161">
        <v>70</v>
      </c>
      <c r="C24" s="162">
        <v>4.6685598491124534</v>
      </c>
      <c r="D24" s="81">
        <v>0.32227298895763956</v>
      </c>
    </row>
    <row r="25" spans="1:37">
      <c r="A25" s="44" t="s">
        <v>547</v>
      </c>
      <c r="B25" s="163">
        <v>91</v>
      </c>
      <c r="C25" s="164">
        <v>4.2338502183673699</v>
      </c>
      <c r="D25" s="82">
        <v>0.30047855143395141</v>
      </c>
    </row>
    <row r="26" spans="1:37">
      <c r="A26" s="52" t="s">
        <v>551</v>
      </c>
      <c r="B26" s="161">
        <v>689</v>
      </c>
      <c r="C26" s="162">
        <v>4.3548926937040973</v>
      </c>
      <c r="D26" s="81">
        <v>9.9977498003225959E-2</v>
      </c>
    </row>
    <row r="27" spans="1:37">
      <c r="A27" s="44" t="s">
        <v>552</v>
      </c>
      <c r="B27" s="163">
        <v>189</v>
      </c>
      <c r="C27" s="164">
        <v>4.4436676800009938</v>
      </c>
      <c r="D27" s="82">
        <v>0.17122114346308961</v>
      </c>
    </row>
    <row r="28" spans="1:37">
      <c r="A28" s="52" t="s">
        <v>553</v>
      </c>
      <c r="B28" s="161">
        <v>248</v>
      </c>
      <c r="C28" s="162">
        <v>4.2892881721546674</v>
      </c>
      <c r="D28" s="81">
        <v>0.16799135374755489</v>
      </c>
    </row>
    <row r="29" spans="1:37">
      <c r="A29" s="44" t="s">
        <v>554</v>
      </c>
      <c r="B29" s="163">
        <v>216</v>
      </c>
      <c r="C29" s="164">
        <v>4.264944076146322</v>
      </c>
      <c r="D29" s="82">
        <v>0.19390330171388578</v>
      </c>
    </row>
    <row r="32" spans="1:37" ht="18.75">
      <c r="A32" s="344" t="s">
        <v>42</v>
      </c>
      <c r="B32" s="344"/>
      <c r="C32" s="344"/>
      <c r="D32" s="344"/>
      <c r="E32" s="344"/>
      <c r="F32" s="344"/>
      <c r="G32" s="344"/>
      <c r="H32" s="344"/>
      <c r="I32" s="344"/>
      <c r="J32" s="344"/>
      <c r="K32" s="344"/>
      <c r="L32" s="344"/>
      <c r="M32" s="344"/>
      <c r="N32" s="344"/>
      <c r="O32" s="344"/>
      <c r="P32" s="344"/>
      <c r="Q32" s="344"/>
      <c r="R32" s="344"/>
      <c r="S32" s="344"/>
      <c r="T32" s="344"/>
      <c r="U32" s="344"/>
      <c r="V32" s="344"/>
      <c r="W32" s="344"/>
      <c r="X32" s="344"/>
      <c r="Y32" s="344"/>
      <c r="Z32" s="344"/>
      <c r="AA32" s="344"/>
      <c r="AB32" s="344"/>
      <c r="AC32" s="344"/>
      <c r="AD32" s="344"/>
      <c r="AE32" s="344"/>
      <c r="AF32" s="344"/>
      <c r="AG32" s="344"/>
      <c r="AH32" s="344"/>
      <c r="AI32" s="344"/>
      <c r="AJ32" s="344"/>
      <c r="AK32" s="344"/>
    </row>
    <row r="33" spans="1:45" ht="64.5" customHeight="1">
      <c r="A33" s="408" t="s">
        <v>600</v>
      </c>
      <c r="B33" s="408"/>
      <c r="C33" s="408"/>
      <c r="D33" s="408"/>
      <c r="E33" s="408"/>
      <c r="F33" s="408"/>
      <c r="G33" s="408"/>
      <c r="H33" s="408"/>
      <c r="I33" s="408"/>
      <c r="J33" s="408"/>
      <c r="K33" s="408"/>
      <c r="L33" s="408"/>
      <c r="M33" s="408"/>
      <c r="N33" s="408"/>
      <c r="O33" s="408"/>
      <c r="P33" s="408"/>
      <c r="Q33" s="408"/>
      <c r="R33" s="408"/>
      <c r="S33" s="408"/>
      <c r="T33" s="408"/>
      <c r="U33" s="408"/>
      <c r="V33" s="408"/>
      <c r="W33" s="408"/>
      <c r="X33" s="408"/>
      <c r="Y33" s="408"/>
      <c r="Z33" s="408"/>
      <c r="AA33" s="408"/>
      <c r="AB33" s="408"/>
      <c r="AC33" s="408"/>
      <c r="AD33" s="408"/>
      <c r="AE33" s="408"/>
      <c r="AF33" s="408"/>
      <c r="AG33" s="408"/>
      <c r="AH33" s="408"/>
      <c r="AI33" s="408"/>
      <c r="AJ33" s="408"/>
      <c r="AK33" s="408"/>
    </row>
    <row r="34" spans="1:45" ht="39" customHeight="1">
      <c r="A34" s="59"/>
      <c r="B34" s="403" t="s">
        <v>124</v>
      </c>
      <c r="C34" s="406"/>
      <c r="D34" s="406"/>
      <c r="E34" s="406"/>
      <c r="F34" s="406"/>
      <c r="G34" s="406"/>
      <c r="H34" s="406"/>
      <c r="I34" s="406"/>
      <c r="J34" s="407"/>
      <c r="K34" s="403" t="s">
        <v>387</v>
      </c>
      <c r="L34" s="406"/>
      <c r="M34" s="406"/>
      <c r="N34" s="406"/>
      <c r="O34" s="406"/>
      <c r="P34" s="406"/>
      <c r="Q34" s="406"/>
      <c r="R34" s="406"/>
      <c r="S34" s="407"/>
      <c r="T34" s="403" t="s">
        <v>125</v>
      </c>
      <c r="U34" s="406"/>
      <c r="V34" s="406"/>
      <c r="W34" s="406"/>
      <c r="X34" s="406"/>
      <c r="Y34" s="406"/>
      <c r="Z34" s="406"/>
      <c r="AA34" s="406"/>
      <c r="AB34" s="407"/>
      <c r="AC34" s="403" t="s">
        <v>388</v>
      </c>
      <c r="AD34" s="406"/>
      <c r="AE34" s="406"/>
      <c r="AF34" s="406"/>
      <c r="AG34" s="406"/>
      <c r="AH34" s="406"/>
      <c r="AI34" s="406"/>
      <c r="AJ34" s="406"/>
      <c r="AK34" s="407"/>
      <c r="AL34" s="289"/>
      <c r="AM34" s="289"/>
      <c r="AN34" s="289"/>
      <c r="AO34" s="289"/>
      <c r="AP34" s="289"/>
      <c r="AQ34" s="289"/>
      <c r="AR34" s="289"/>
      <c r="AS34" s="289"/>
    </row>
    <row r="35" spans="1:45" ht="72">
      <c r="A35" s="32" t="s">
        <v>71</v>
      </c>
      <c r="B35" s="33" t="s">
        <v>72</v>
      </c>
      <c r="C35" s="33" t="s">
        <v>156</v>
      </c>
      <c r="D35" s="84" t="s">
        <v>85</v>
      </c>
      <c r="E35" s="33" t="s">
        <v>157</v>
      </c>
      <c r="F35" s="84" t="s">
        <v>86</v>
      </c>
      <c r="G35" s="33" t="s">
        <v>158</v>
      </c>
      <c r="H35" s="84" t="s">
        <v>87</v>
      </c>
      <c r="I35" s="33" t="s">
        <v>301</v>
      </c>
      <c r="J35" s="84" t="s">
        <v>300</v>
      </c>
      <c r="K35" s="60" t="s">
        <v>72</v>
      </c>
      <c r="L35" s="60" t="s">
        <v>156</v>
      </c>
      <c r="M35" s="83" t="s">
        <v>85</v>
      </c>
      <c r="N35" s="60" t="s">
        <v>157</v>
      </c>
      <c r="O35" s="83" t="s">
        <v>86</v>
      </c>
      <c r="P35" s="60" t="s">
        <v>158</v>
      </c>
      <c r="Q35" s="83" t="s">
        <v>87</v>
      </c>
      <c r="R35" s="60" t="s">
        <v>301</v>
      </c>
      <c r="S35" s="83" t="s">
        <v>300</v>
      </c>
      <c r="T35" s="33" t="s">
        <v>72</v>
      </c>
      <c r="U35" s="33" t="s">
        <v>156</v>
      </c>
      <c r="V35" s="84" t="s">
        <v>85</v>
      </c>
      <c r="W35" s="33" t="s">
        <v>157</v>
      </c>
      <c r="X35" s="84" t="s">
        <v>86</v>
      </c>
      <c r="Y35" s="33" t="s">
        <v>158</v>
      </c>
      <c r="Z35" s="84" t="s">
        <v>87</v>
      </c>
      <c r="AA35" s="33" t="s">
        <v>301</v>
      </c>
      <c r="AB35" s="84" t="s">
        <v>300</v>
      </c>
      <c r="AC35" s="60" t="s">
        <v>72</v>
      </c>
      <c r="AD35" s="60" t="s">
        <v>156</v>
      </c>
      <c r="AE35" s="83" t="s">
        <v>85</v>
      </c>
      <c r="AF35" s="60" t="s">
        <v>157</v>
      </c>
      <c r="AG35" s="83" t="s">
        <v>86</v>
      </c>
      <c r="AH35" s="60" t="s">
        <v>158</v>
      </c>
      <c r="AI35" s="83" t="s">
        <v>87</v>
      </c>
      <c r="AJ35" s="60" t="s">
        <v>301</v>
      </c>
      <c r="AK35" s="83" t="s">
        <v>300</v>
      </c>
    </row>
    <row r="36" spans="1:45" ht="84">
      <c r="A36" s="36"/>
      <c r="B36" s="37" t="s">
        <v>74</v>
      </c>
      <c r="C36" s="37" t="s">
        <v>159</v>
      </c>
      <c r="D36" s="86" t="s">
        <v>126</v>
      </c>
      <c r="E36" s="37" t="s">
        <v>160</v>
      </c>
      <c r="F36" s="86" t="s">
        <v>127</v>
      </c>
      <c r="G36" s="37" t="s">
        <v>161</v>
      </c>
      <c r="H36" s="86" t="s">
        <v>128</v>
      </c>
      <c r="I36" s="37" t="s">
        <v>301</v>
      </c>
      <c r="J36" s="86" t="s">
        <v>88</v>
      </c>
      <c r="K36" s="63" t="s">
        <v>74</v>
      </c>
      <c r="L36" s="63" t="s">
        <v>159</v>
      </c>
      <c r="M36" s="85" t="s">
        <v>126</v>
      </c>
      <c r="N36" s="63" t="s">
        <v>160</v>
      </c>
      <c r="O36" s="85" t="s">
        <v>127</v>
      </c>
      <c r="P36" s="63" t="s">
        <v>161</v>
      </c>
      <c r="Q36" s="85" t="s">
        <v>128</v>
      </c>
      <c r="R36" s="63" t="s">
        <v>301</v>
      </c>
      <c r="S36" s="85" t="s">
        <v>88</v>
      </c>
      <c r="T36" s="37" t="s">
        <v>74</v>
      </c>
      <c r="U36" s="37" t="s">
        <v>159</v>
      </c>
      <c r="V36" s="86" t="s">
        <v>126</v>
      </c>
      <c r="W36" s="37" t="s">
        <v>160</v>
      </c>
      <c r="X36" s="86" t="s">
        <v>127</v>
      </c>
      <c r="Y36" s="37" t="s">
        <v>161</v>
      </c>
      <c r="Z36" s="86" t="s">
        <v>128</v>
      </c>
      <c r="AA36" s="37" t="s">
        <v>301</v>
      </c>
      <c r="AB36" s="86" t="s">
        <v>88</v>
      </c>
      <c r="AC36" s="63" t="s">
        <v>74</v>
      </c>
      <c r="AD36" s="63" t="s">
        <v>159</v>
      </c>
      <c r="AE36" s="85" t="s">
        <v>126</v>
      </c>
      <c r="AF36" s="63" t="s">
        <v>160</v>
      </c>
      <c r="AG36" s="85" t="s">
        <v>127</v>
      </c>
      <c r="AH36" s="63" t="s">
        <v>161</v>
      </c>
      <c r="AI36" s="85" t="s">
        <v>128</v>
      </c>
      <c r="AJ36" s="63" t="s">
        <v>301</v>
      </c>
      <c r="AK36" s="85" t="s">
        <v>88</v>
      </c>
    </row>
    <row r="37" spans="1:45">
      <c r="A37" s="40" t="s">
        <v>350</v>
      </c>
      <c r="B37" s="161">
        <v>13880</v>
      </c>
      <c r="C37" s="165">
        <v>0.29135498375824709</v>
      </c>
      <c r="D37" s="89">
        <v>7.7130236530871749E-3</v>
      </c>
      <c r="E37" s="165">
        <v>0.20774797413696611</v>
      </c>
      <c r="F37" s="89">
        <v>6.8871205039825641E-3</v>
      </c>
      <c r="G37" s="165">
        <v>0.42667464265435678</v>
      </c>
      <c r="H37" s="89">
        <v>8.3950721840318297E-3</v>
      </c>
      <c r="I37" s="88">
        <v>7.4222399450447132E-2</v>
      </c>
      <c r="J37" s="89">
        <v>4.4526989233520213E-3</v>
      </c>
      <c r="K37" s="161">
        <v>13890</v>
      </c>
      <c r="L37" s="165">
        <v>0.34189549028266986</v>
      </c>
      <c r="M37" s="89">
        <v>8.0486743476053009E-3</v>
      </c>
      <c r="N37" s="165">
        <v>0.19965478829868658</v>
      </c>
      <c r="O37" s="89">
        <v>6.7836815219318699E-3</v>
      </c>
      <c r="P37" s="165">
        <v>0.38036655567884892</v>
      </c>
      <c r="Q37" s="89">
        <v>8.2374449806215944E-3</v>
      </c>
      <c r="R37" s="88">
        <v>7.8083165739812943E-2</v>
      </c>
      <c r="S37" s="89">
        <v>4.5556447490135397E-3</v>
      </c>
      <c r="T37" s="161">
        <v>13870</v>
      </c>
      <c r="U37" s="165">
        <v>0.27724897641459306</v>
      </c>
      <c r="V37" s="89">
        <v>7.6013281544836074E-3</v>
      </c>
      <c r="W37" s="165">
        <v>0.17088162611656965</v>
      </c>
      <c r="X37" s="89">
        <v>6.3926480768412685E-3</v>
      </c>
      <c r="Y37" s="165">
        <v>0.47270941898900426</v>
      </c>
      <c r="Z37" s="89">
        <v>8.4771849695039116E-3</v>
      </c>
      <c r="AA37" s="88">
        <v>7.9159978479849333E-2</v>
      </c>
      <c r="AB37" s="89">
        <v>4.5875207340211428E-3</v>
      </c>
      <c r="AC37" s="161">
        <v>13866</v>
      </c>
      <c r="AD37" s="165">
        <v>0.18962844274582047</v>
      </c>
      <c r="AE37" s="89">
        <v>6.6583111622112584E-3</v>
      </c>
      <c r="AF37" s="165">
        <v>0.20424099143650934</v>
      </c>
      <c r="AG37" s="89">
        <v>6.8473320865241206E-3</v>
      </c>
      <c r="AH37" s="165">
        <v>0.5516637581328524</v>
      </c>
      <c r="AI37" s="89">
        <v>8.4456341950027262E-3</v>
      </c>
      <c r="AJ37" s="88">
        <v>5.4466807684833363E-2</v>
      </c>
      <c r="AK37" s="89">
        <v>3.8581424358494704E-3</v>
      </c>
    </row>
    <row r="38" spans="1:45">
      <c r="A38" s="44" t="s">
        <v>351</v>
      </c>
      <c r="B38" s="163">
        <v>10168</v>
      </c>
      <c r="C38" s="166">
        <v>0.33326677326710175</v>
      </c>
      <c r="D38" s="92">
        <v>9.3480330482870848E-3</v>
      </c>
      <c r="E38" s="166">
        <v>0.19428790359081041</v>
      </c>
      <c r="F38" s="92">
        <v>7.8476849694572807E-3</v>
      </c>
      <c r="G38" s="166">
        <v>0.41315788767892103</v>
      </c>
      <c r="H38" s="92">
        <v>9.7645175620285907E-3</v>
      </c>
      <c r="I38" s="91">
        <v>5.9287435463167414E-2</v>
      </c>
      <c r="J38" s="92">
        <v>4.6895420877363717E-3</v>
      </c>
      <c r="K38" s="163">
        <v>10170</v>
      </c>
      <c r="L38" s="166">
        <v>0.39402579456126929</v>
      </c>
      <c r="M38" s="92">
        <v>9.6890579643586581E-3</v>
      </c>
      <c r="N38" s="166">
        <v>0.18979803786146401</v>
      </c>
      <c r="O38" s="92">
        <v>7.7773820216411422E-3</v>
      </c>
      <c r="P38" s="166">
        <v>0.35379391199148785</v>
      </c>
      <c r="Q38" s="92">
        <v>9.48114504039641E-3</v>
      </c>
      <c r="R38" s="91">
        <v>6.2382255585778743E-2</v>
      </c>
      <c r="S38" s="92">
        <v>4.8015980641209861E-3</v>
      </c>
      <c r="T38" s="163">
        <v>10158</v>
      </c>
      <c r="U38" s="166">
        <v>0.2617227838355578</v>
      </c>
      <c r="V38" s="92">
        <v>8.7221010497714763E-3</v>
      </c>
      <c r="W38" s="166">
        <v>0.15472642745560647</v>
      </c>
      <c r="X38" s="92">
        <v>7.1775632918835621E-3</v>
      </c>
      <c r="Y38" s="166">
        <v>0.51047888836438104</v>
      </c>
      <c r="Z38" s="92">
        <v>9.9177939588992944E-3</v>
      </c>
      <c r="AA38" s="91">
        <v>7.307190034444877E-2</v>
      </c>
      <c r="AB38" s="92">
        <v>5.168899282576263E-3</v>
      </c>
      <c r="AC38" s="163">
        <v>10150</v>
      </c>
      <c r="AD38" s="166">
        <v>0.19876171915823659</v>
      </c>
      <c r="AE38" s="92">
        <v>7.9223874203287852E-3</v>
      </c>
      <c r="AF38" s="166">
        <v>0.19577903998632742</v>
      </c>
      <c r="AG38" s="92">
        <v>7.8773969127038865E-3</v>
      </c>
      <c r="AH38" s="166">
        <v>0.56270077896976678</v>
      </c>
      <c r="AI38" s="92">
        <v>9.8456016184728413E-3</v>
      </c>
      <c r="AJ38" s="91">
        <v>4.2758461885663117E-2</v>
      </c>
      <c r="AK38" s="92">
        <v>4.0235109008786556E-3</v>
      </c>
    </row>
    <row r="39" spans="1:45">
      <c r="A39" s="40" t="s">
        <v>352</v>
      </c>
      <c r="B39" s="161">
        <v>3712</v>
      </c>
      <c r="C39" s="165">
        <v>0.25751204521443621</v>
      </c>
      <c r="D39" s="89">
        <v>1.435090423557771E-2</v>
      </c>
      <c r="E39" s="165">
        <v>0.21861671406972916</v>
      </c>
      <c r="F39" s="89">
        <v>1.3566953538342721E-2</v>
      </c>
      <c r="G39" s="165">
        <v>0.43758915413920407</v>
      </c>
      <c r="H39" s="89">
        <v>1.6276448788270725E-2</v>
      </c>
      <c r="I39" s="88">
        <v>8.6282086576631195E-2</v>
      </c>
      <c r="J39" s="89">
        <v>9.2335897220080995E-3</v>
      </c>
      <c r="K39" s="161">
        <v>3720</v>
      </c>
      <c r="L39" s="165">
        <v>0.29988188691440143</v>
      </c>
      <c r="M39" s="89">
        <v>1.5020169942289666E-2</v>
      </c>
      <c r="N39" s="165">
        <v>0.20759868214507307</v>
      </c>
      <c r="O39" s="89">
        <v>1.3300018210992307E-2</v>
      </c>
      <c r="P39" s="165">
        <v>0.40178236223849839</v>
      </c>
      <c r="Q39" s="89">
        <v>1.6068262271909963E-2</v>
      </c>
      <c r="R39" s="88">
        <v>9.0737068702027524E-2</v>
      </c>
      <c r="S39" s="89">
        <v>9.4342361478275787E-3</v>
      </c>
      <c r="T39" s="161">
        <v>3712</v>
      </c>
      <c r="U39" s="165">
        <v>0.28976239904789852</v>
      </c>
      <c r="V39" s="89">
        <v>1.488727849610906E-2</v>
      </c>
      <c r="W39" s="165">
        <v>0.1839019997555458</v>
      </c>
      <c r="X39" s="89">
        <v>1.2719421723788366E-2</v>
      </c>
      <c r="Y39" s="165">
        <v>0.44226890174535066</v>
      </c>
      <c r="Z39" s="89">
        <v>1.6294989609164812E-2</v>
      </c>
      <c r="AA39" s="88">
        <v>8.4066699451206095E-2</v>
      </c>
      <c r="AB39" s="89">
        <v>9.1260597318304666E-3</v>
      </c>
      <c r="AC39" s="161">
        <v>3716</v>
      </c>
      <c r="AD39" s="165">
        <v>0.18226540276901662</v>
      </c>
      <c r="AE39" s="89">
        <v>1.2668720141177653E-2</v>
      </c>
      <c r="AF39" s="165">
        <v>0.21106282447822419</v>
      </c>
      <c r="AG39" s="89">
        <v>1.3388116583072094E-2</v>
      </c>
      <c r="AH39" s="165">
        <v>0.54276596264550536</v>
      </c>
      <c r="AI39" s="89">
        <v>1.6335692286377296E-2</v>
      </c>
      <c r="AJ39" s="88">
        <v>6.3905810107254254E-2</v>
      </c>
      <c r="AK39" s="89">
        <v>8.0476152154377954E-3</v>
      </c>
    </row>
    <row r="40" spans="1:45">
      <c r="A40" s="44" t="s">
        <v>534</v>
      </c>
      <c r="B40" s="163">
        <v>3191</v>
      </c>
      <c r="C40" s="166">
        <v>0.29833749711067198</v>
      </c>
      <c r="D40" s="92">
        <v>1.6192658538822621E-2</v>
      </c>
      <c r="E40" s="166">
        <v>0.21910972053017783</v>
      </c>
      <c r="F40" s="92">
        <v>1.4644374193184871E-2</v>
      </c>
      <c r="G40" s="166">
        <v>0.40174685202692034</v>
      </c>
      <c r="H40" s="92">
        <v>1.7347429290185911E-2</v>
      </c>
      <c r="I40" s="91">
        <v>8.0805930332225773E-2</v>
      </c>
      <c r="J40" s="92">
        <v>9.6716712440776224E-3</v>
      </c>
      <c r="K40" s="163">
        <v>3197</v>
      </c>
      <c r="L40" s="166">
        <v>0.32801736495117878</v>
      </c>
      <c r="M40" s="92">
        <v>1.6599208023065495E-2</v>
      </c>
      <c r="N40" s="166">
        <v>0.21057216975042045</v>
      </c>
      <c r="O40" s="92">
        <v>1.4421717977231293E-2</v>
      </c>
      <c r="P40" s="166">
        <v>0.38126123201919104</v>
      </c>
      <c r="Q40" s="92">
        <v>1.7170563914829035E-2</v>
      </c>
      <c r="R40" s="91">
        <v>8.0149233279205048E-2</v>
      </c>
      <c r="S40" s="92">
        <v>9.6269438237973418E-3</v>
      </c>
      <c r="T40" s="163">
        <v>3198</v>
      </c>
      <c r="U40" s="166">
        <v>0.26160829848082517</v>
      </c>
      <c r="V40" s="92">
        <v>1.5539890267917274E-2</v>
      </c>
      <c r="W40" s="166">
        <v>0.16947354968558578</v>
      </c>
      <c r="X40" s="92">
        <v>1.3272949855822107E-2</v>
      </c>
      <c r="Y40" s="166">
        <v>0.49600501857962287</v>
      </c>
      <c r="Z40" s="92">
        <v>1.7671585155001272E-2</v>
      </c>
      <c r="AA40" s="91">
        <v>7.2913133253961288E-2</v>
      </c>
      <c r="AB40" s="92">
        <v>9.2202047610442286E-3</v>
      </c>
      <c r="AC40" s="163">
        <v>3189</v>
      </c>
      <c r="AD40" s="166">
        <v>0.16641147673250223</v>
      </c>
      <c r="AE40" s="92">
        <v>1.3195740738907611E-2</v>
      </c>
      <c r="AF40" s="166">
        <v>0.20246081102378369</v>
      </c>
      <c r="AG40" s="92">
        <v>1.4232295058610313E-2</v>
      </c>
      <c r="AH40" s="166">
        <v>0.57498627715920225</v>
      </c>
      <c r="AI40" s="92">
        <v>1.7497389634339118E-2</v>
      </c>
      <c r="AJ40" s="91">
        <v>5.614143508450712E-2</v>
      </c>
      <c r="AK40" s="92">
        <v>8.185362031037334E-3</v>
      </c>
    </row>
    <row r="41" spans="1:45">
      <c r="A41" s="40" t="s">
        <v>535</v>
      </c>
      <c r="B41" s="161">
        <v>2506</v>
      </c>
      <c r="C41" s="165">
        <v>0.34620010466396489</v>
      </c>
      <c r="D41" s="89">
        <v>1.8995529969282554E-2</v>
      </c>
      <c r="E41" s="165">
        <v>0.19152951922766775</v>
      </c>
      <c r="F41" s="89">
        <v>1.5724166222839935E-2</v>
      </c>
      <c r="G41" s="165">
        <v>0.39977479792712811</v>
      </c>
      <c r="H41" s="89">
        <v>1.9556309528305511E-2</v>
      </c>
      <c r="I41" s="88">
        <v>6.2495578181241192E-2</v>
      </c>
      <c r="J41" s="89">
        <v>9.7129696730851988E-3</v>
      </c>
      <c r="K41" s="161">
        <v>2509</v>
      </c>
      <c r="L41" s="165">
        <v>0.41220875435323739</v>
      </c>
      <c r="M41" s="89">
        <v>1.9639294581860908E-2</v>
      </c>
      <c r="N41" s="165">
        <v>0.19202795719947852</v>
      </c>
      <c r="O41" s="89">
        <v>1.5730263129626623E-2</v>
      </c>
      <c r="P41" s="165">
        <v>0.3397672149377261</v>
      </c>
      <c r="Q41" s="89">
        <v>1.889957640210933E-2</v>
      </c>
      <c r="R41" s="88">
        <v>5.5996073509560373E-2</v>
      </c>
      <c r="S41" s="89">
        <v>9.2269951805011696E-3</v>
      </c>
      <c r="T41" s="161">
        <v>2510</v>
      </c>
      <c r="U41" s="165">
        <v>0.20991236745490532</v>
      </c>
      <c r="V41" s="89">
        <v>1.6257510864234988E-2</v>
      </c>
      <c r="W41" s="165">
        <v>0.15370816905169313</v>
      </c>
      <c r="X41" s="89">
        <v>1.4407594621562344E-2</v>
      </c>
      <c r="Y41" s="165">
        <v>0.57164023648185869</v>
      </c>
      <c r="Z41" s="89">
        <v>1.9739109682914192E-2</v>
      </c>
      <c r="AA41" s="88">
        <v>6.4739227011544831E-2</v>
      </c>
      <c r="AB41" s="89">
        <v>9.8638665443386061E-3</v>
      </c>
      <c r="AC41" s="161">
        <v>2504</v>
      </c>
      <c r="AD41" s="165">
        <v>0.16469748515955185</v>
      </c>
      <c r="AE41" s="89">
        <v>1.483188937238056E-2</v>
      </c>
      <c r="AF41" s="165">
        <v>0.18909369702855178</v>
      </c>
      <c r="AG41" s="89">
        <v>1.565402246672391E-2</v>
      </c>
      <c r="AH41" s="165">
        <v>0.61203341233033048</v>
      </c>
      <c r="AI41" s="89">
        <v>1.9462003189578296E-2</v>
      </c>
      <c r="AJ41" s="88">
        <v>3.4175405481567556E-2</v>
      </c>
      <c r="AK41" s="89">
        <v>7.331200548797363E-3</v>
      </c>
    </row>
    <row r="42" spans="1:45">
      <c r="A42" s="44" t="s">
        <v>536</v>
      </c>
      <c r="B42" s="163">
        <v>364</v>
      </c>
      <c r="C42" s="166">
        <v>0.45058382813810161</v>
      </c>
      <c r="D42" s="92">
        <v>5.1878918342511383E-2</v>
      </c>
      <c r="E42" s="166">
        <v>0.15847856980438435</v>
      </c>
      <c r="F42" s="92">
        <v>3.8431887359427909E-2</v>
      </c>
      <c r="G42" s="166">
        <v>0.34734010742745774</v>
      </c>
      <c r="H42" s="92">
        <v>4.9694592822562979E-2</v>
      </c>
      <c r="I42" s="91">
        <v>4.3597494630056639E-2</v>
      </c>
      <c r="J42" s="92">
        <v>2.2409352194021556E-2</v>
      </c>
      <c r="K42" s="163">
        <v>366</v>
      </c>
      <c r="L42" s="166">
        <v>0.51559550237196516</v>
      </c>
      <c r="M42" s="92">
        <v>5.1962773648376398E-2</v>
      </c>
      <c r="N42" s="166">
        <v>0.17303183843262882</v>
      </c>
      <c r="O42" s="92">
        <v>3.9645844983471151E-2</v>
      </c>
      <c r="P42" s="166">
        <v>0.27318630770219915</v>
      </c>
      <c r="Q42" s="92">
        <v>4.6459729605714171E-2</v>
      </c>
      <c r="R42" s="91">
        <v>3.818635149320717E-2</v>
      </c>
      <c r="S42" s="92">
        <v>2.1133938723874188E-2</v>
      </c>
      <c r="T42" s="163">
        <v>367</v>
      </c>
      <c r="U42" s="166">
        <v>0.23980186367390391</v>
      </c>
      <c r="V42" s="92">
        <v>4.4509784408445198E-2</v>
      </c>
      <c r="W42" s="166">
        <v>0.19732258270967695</v>
      </c>
      <c r="X42" s="92">
        <v>4.1579492575807897E-2</v>
      </c>
      <c r="Y42" s="166">
        <v>0.51440540331668427</v>
      </c>
      <c r="Z42" s="92">
        <v>5.1896323658919802E-2</v>
      </c>
      <c r="AA42" s="91">
        <v>4.8470150299734935E-2</v>
      </c>
      <c r="AB42" s="92">
        <v>2.3332453041977359E-2</v>
      </c>
      <c r="AC42" s="163">
        <v>365</v>
      </c>
      <c r="AD42" s="166">
        <v>0.22314147689970695</v>
      </c>
      <c r="AE42" s="92">
        <v>4.3555049260582381E-2</v>
      </c>
      <c r="AF42" s="166">
        <v>0.17967249025786408</v>
      </c>
      <c r="AG42" s="92">
        <v>4.0270471725663677E-2</v>
      </c>
      <c r="AH42" s="166">
        <v>0.57214120905362065</v>
      </c>
      <c r="AI42" s="92">
        <v>5.1525021251135505E-2</v>
      </c>
      <c r="AJ42" s="91">
        <v>2.504482378880787E-2</v>
      </c>
      <c r="AK42" s="92">
        <v>1.7816209732613181E-2</v>
      </c>
    </row>
    <row r="43" spans="1:45">
      <c r="A43" s="40" t="s">
        <v>537</v>
      </c>
      <c r="B43" s="161">
        <v>84</v>
      </c>
      <c r="C43" s="165">
        <v>0.43762401309850046</v>
      </c>
      <c r="D43" s="89">
        <v>0.1058418424057852</v>
      </c>
      <c r="E43" s="165">
        <v>0.10236741167925949</v>
      </c>
      <c r="F43" s="89">
        <v>6.9391981575495851E-2</v>
      </c>
      <c r="G43" s="165">
        <v>0.38575973568823668</v>
      </c>
      <c r="H43" s="89">
        <v>0.10403422454478217</v>
      </c>
      <c r="I43" s="88">
        <v>7.424883953400413E-2</v>
      </c>
      <c r="J43" s="89">
        <v>6.2099621913119379E-2</v>
      </c>
      <c r="K43" s="161">
        <v>85</v>
      </c>
      <c r="L43" s="165">
        <v>0.48660653592957565</v>
      </c>
      <c r="M43" s="89">
        <v>0.10596509437065102</v>
      </c>
      <c r="N43" s="165">
        <v>0.17600356356615979</v>
      </c>
      <c r="O43" s="89">
        <v>8.326217028591594E-2</v>
      </c>
      <c r="P43" s="165">
        <v>0.28845280102259602</v>
      </c>
      <c r="Q43" s="89">
        <v>9.696056344747056E-2</v>
      </c>
      <c r="R43" s="88">
        <v>4.8937099481669126E-2</v>
      </c>
      <c r="S43" s="89">
        <v>5.3807656666102668E-2</v>
      </c>
      <c r="T43" s="161">
        <v>85</v>
      </c>
      <c r="U43" s="165">
        <v>0.21568343631246556</v>
      </c>
      <c r="V43" s="89">
        <v>8.9006237991889905E-2</v>
      </c>
      <c r="W43" s="165">
        <v>0.21192274069487252</v>
      </c>
      <c r="X43" s="89">
        <v>8.850912512976121E-2</v>
      </c>
      <c r="Y43" s="165">
        <v>0.53524825620776906</v>
      </c>
      <c r="Z43" s="89">
        <v>0.10575926250682625</v>
      </c>
      <c r="AA43" s="88">
        <v>3.7145566784893884E-2</v>
      </c>
      <c r="AB43" s="89">
        <v>4.9532665869092121E-2</v>
      </c>
      <c r="AC43" s="161">
        <v>85</v>
      </c>
      <c r="AD43" s="165">
        <v>0.20162700941964717</v>
      </c>
      <c r="AE43" s="89">
        <v>8.7099608886116217E-2</v>
      </c>
      <c r="AF43" s="165">
        <v>0.22943158996535909</v>
      </c>
      <c r="AG43" s="89">
        <v>9.07460437046861E-2</v>
      </c>
      <c r="AH43" s="165">
        <v>0.54970557465503378</v>
      </c>
      <c r="AI43" s="89">
        <v>0.10552095391277369</v>
      </c>
      <c r="AJ43" s="88">
        <v>1.9235825959960491E-2</v>
      </c>
      <c r="AK43" s="89">
        <v>4.1960407881971834E-2</v>
      </c>
    </row>
    <row r="44" spans="1:45">
      <c r="A44" s="44" t="s">
        <v>538</v>
      </c>
      <c r="B44" s="163">
        <v>64</v>
      </c>
      <c r="C44" s="166">
        <v>0.57887415836113487</v>
      </c>
      <c r="D44" s="92">
        <v>0.11992380883042794</v>
      </c>
      <c r="E44" s="166">
        <v>0.11292383090411148</v>
      </c>
      <c r="F44" s="92">
        <v>8.3059306370844674E-2</v>
      </c>
      <c r="G44" s="166">
        <v>0.21874096048999359</v>
      </c>
      <c r="H44" s="92">
        <v>0.10287808080145905</v>
      </c>
      <c r="I44" s="91">
        <v>8.9461050244759602E-2</v>
      </c>
      <c r="J44" s="92">
        <v>7.6965644432648514E-2</v>
      </c>
      <c r="K44" s="163">
        <v>64</v>
      </c>
      <c r="L44" s="166">
        <v>0.58577887107235749</v>
      </c>
      <c r="M44" s="92">
        <v>0.11967656751572325</v>
      </c>
      <c r="N44" s="166">
        <v>0.17031382591136265</v>
      </c>
      <c r="O44" s="92">
        <v>9.5090772421260114E-2</v>
      </c>
      <c r="P44" s="166">
        <v>0.18423316072035323</v>
      </c>
      <c r="Q44" s="92">
        <v>9.7521257210927567E-2</v>
      </c>
      <c r="R44" s="91">
        <v>5.967414229592613E-2</v>
      </c>
      <c r="S44" s="92">
        <v>6.7846049424073976E-2</v>
      </c>
      <c r="T44" s="163">
        <v>64</v>
      </c>
      <c r="U44" s="166">
        <v>0.30327433633680906</v>
      </c>
      <c r="V44" s="92">
        <v>0.11264680802018112</v>
      </c>
      <c r="W44" s="166">
        <v>0.17851424367835314</v>
      </c>
      <c r="X44" s="92">
        <v>9.6542728292781391E-2</v>
      </c>
      <c r="Y44" s="166">
        <v>0.49421706317047254</v>
      </c>
      <c r="Z44" s="92">
        <v>0.12126062750738119</v>
      </c>
      <c r="AA44" s="91">
        <v>2.3994356814364622E-2</v>
      </c>
      <c r="AB44" s="92">
        <v>5.3846864077427233E-2</v>
      </c>
      <c r="AC44" s="163">
        <v>64</v>
      </c>
      <c r="AD44" s="166">
        <v>0.29899904845820197</v>
      </c>
      <c r="AE44" s="92">
        <v>0.11225284593114555</v>
      </c>
      <c r="AF44" s="166">
        <v>0.13973237666132821</v>
      </c>
      <c r="AG44" s="92">
        <v>8.9122475608817892E-2</v>
      </c>
      <c r="AH44" s="166">
        <v>0.55879909534943561</v>
      </c>
      <c r="AI44" s="92">
        <v>0.12052274582126342</v>
      </c>
      <c r="AJ44" s="91">
        <v>2.4694795310336941E-3</v>
      </c>
      <c r="AK44" s="92">
        <v>4.2515608387752549E-2</v>
      </c>
    </row>
    <row r="45" spans="1:45">
      <c r="A45" s="40" t="s">
        <v>539</v>
      </c>
      <c r="B45" s="161">
        <v>63</v>
      </c>
      <c r="C45" s="165">
        <v>0.33246817559599795</v>
      </c>
      <c r="D45" s="89">
        <v>0.11594757510830511</v>
      </c>
      <c r="E45" s="165">
        <v>0.22467573770969046</v>
      </c>
      <c r="F45" s="89">
        <v>0.1045180909591629</v>
      </c>
      <c r="G45" s="165">
        <v>0.41009739222079078</v>
      </c>
      <c r="H45" s="89">
        <v>0.12041068656338969</v>
      </c>
      <c r="I45" s="88">
        <v>3.2758694473520637E-2</v>
      </c>
      <c r="J45" s="89">
        <v>5.8322227263896395E-2</v>
      </c>
      <c r="K45" s="161">
        <v>64</v>
      </c>
      <c r="L45" s="165">
        <v>0.46818125707205188</v>
      </c>
      <c r="M45" s="89">
        <v>0.12105010485853955</v>
      </c>
      <c r="N45" s="165">
        <v>0.23657715641545601</v>
      </c>
      <c r="O45" s="89">
        <v>0.10530963118817896</v>
      </c>
      <c r="P45" s="165">
        <v>0.26287256040683654</v>
      </c>
      <c r="Q45" s="89">
        <v>0.10851707323111877</v>
      </c>
      <c r="R45" s="88">
        <v>3.2369026105655403E-2</v>
      </c>
      <c r="S45" s="89">
        <v>5.7543593501803894E-2</v>
      </c>
      <c r="T45" s="161">
        <v>64</v>
      </c>
      <c r="U45" s="165">
        <v>0.17869968621325394</v>
      </c>
      <c r="V45" s="89">
        <v>9.6574890593994378E-2</v>
      </c>
      <c r="W45" s="165">
        <v>0.14674374453340397</v>
      </c>
      <c r="X45" s="89">
        <v>9.0573140117933035E-2</v>
      </c>
      <c r="Y45" s="165">
        <v>0.6047664014630536</v>
      </c>
      <c r="Z45" s="89">
        <v>0.11888633124691587</v>
      </c>
      <c r="AA45" s="88">
        <v>6.9790167790288585E-2</v>
      </c>
      <c r="AB45" s="89">
        <v>7.1147427614538503E-2</v>
      </c>
      <c r="AC45" s="161">
        <v>64</v>
      </c>
      <c r="AD45" s="165">
        <v>0.22465427106811997</v>
      </c>
      <c r="AE45" s="89">
        <v>0.10370825497926399</v>
      </c>
      <c r="AF45" s="165">
        <v>0.21613558422650725</v>
      </c>
      <c r="AG45" s="89">
        <v>0.10250453547738028</v>
      </c>
      <c r="AH45" s="165">
        <v>0.52537990606835827</v>
      </c>
      <c r="AI45" s="89">
        <v>0.12112934570466498</v>
      </c>
      <c r="AJ45" s="88">
        <v>3.3830238637014516E-2</v>
      </c>
      <c r="AK45" s="89">
        <v>5.8158092407199206E-2</v>
      </c>
    </row>
    <row r="46" spans="1:45">
      <c r="A46" s="44" t="s">
        <v>540</v>
      </c>
      <c r="B46" s="163">
        <v>76</v>
      </c>
      <c r="C46" s="166">
        <v>0.53085548849190178</v>
      </c>
      <c r="D46" s="92">
        <v>0.11161110267218229</v>
      </c>
      <c r="E46" s="166">
        <v>0.13546524871839538</v>
      </c>
      <c r="F46" s="92">
        <v>8.0644516129437765E-2</v>
      </c>
      <c r="G46" s="166">
        <v>0.31015041906130819</v>
      </c>
      <c r="H46" s="92">
        <v>0.10427639133504915</v>
      </c>
      <c r="I46" s="91">
        <v>2.3528843728394023E-2</v>
      </c>
      <c r="J46" s="92">
        <v>4.7492184415007674E-2</v>
      </c>
      <c r="K46" s="163">
        <v>76</v>
      </c>
      <c r="L46" s="166">
        <v>0.52651437620083907</v>
      </c>
      <c r="M46" s="92">
        <v>0.11166143728674843</v>
      </c>
      <c r="N46" s="166">
        <v>0.12086674819652185</v>
      </c>
      <c r="O46" s="92">
        <v>7.75476706879938E-2</v>
      </c>
      <c r="P46" s="166">
        <v>0.29866342507812349</v>
      </c>
      <c r="Q46" s="92">
        <v>0.10329953634887518</v>
      </c>
      <c r="R46" s="91">
        <v>5.3955450524514885E-2</v>
      </c>
      <c r="S46" s="92">
        <v>5.9347470268158189E-2</v>
      </c>
      <c r="T46" s="163">
        <v>77</v>
      </c>
      <c r="U46" s="166">
        <v>0.23856807682608899</v>
      </c>
      <c r="V46" s="92">
        <v>9.6413964018680159E-2</v>
      </c>
      <c r="W46" s="166">
        <v>0.22723943003092809</v>
      </c>
      <c r="X46" s="92">
        <v>9.5003111801982454E-2</v>
      </c>
      <c r="Y46" s="166">
        <v>0.48852667260458149</v>
      </c>
      <c r="Z46" s="92">
        <v>0.11108467306574717</v>
      </c>
      <c r="AA46" s="91">
        <v>4.5665820538400723E-2</v>
      </c>
      <c r="AB46" s="92">
        <v>5.598244147833191E-2</v>
      </c>
      <c r="AC46" s="163">
        <v>75</v>
      </c>
      <c r="AD46" s="166">
        <v>0.14625839583483966</v>
      </c>
      <c r="AE46" s="92">
        <v>8.3353079519825096E-2</v>
      </c>
      <c r="AF46" s="166">
        <v>0.17256825701316347</v>
      </c>
      <c r="AG46" s="92">
        <v>8.8122602103972325E-2</v>
      </c>
      <c r="AH46" s="166">
        <v>0.62877108628430955</v>
      </c>
      <c r="AI46" s="92">
        <v>0.10909401017339952</v>
      </c>
      <c r="AJ46" s="91">
        <v>5.2402260867686665E-2</v>
      </c>
      <c r="AK46" s="92">
        <v>5.9291435384095634E-2</v>
      </c>
    </row>
    <row r="47" spans="1:45">
      <c r="A47" s="40" t="s">
        <v>541</v>
      </c>
      <c r="B47" s="161">
        <v>77</v>
      </c>
      <c r="C47" s="165">
        <v>0.41132640435055862</v>
      </c>
      <c r="D47" s="89">
        <v>0.10952070925062142</v>
      </c>
      <c r="E47" s="165">
        <v>0.20693187661472545</v>
      </c>
      <c r="F47" s="89">
        <v>9.2264910758859189E-2</v>
      </c>
      <c r="G47" s="165">
        <v>0.3817417190347166</v>
      </c>
      <c r="H47" s="89">
        <v>0.10826627235338977</v>
      </c>
      <c r="I47" s="88">
        <v>0</v>
      </c>
      <c r="J47" s="89">
        <v>3.4485061975244265E-2</v>
      </c>
      <c r="K47" s="161">
        <v>77</v>
      </c>
      <c r="L47" s="165">
        <v>0.52711650058004944</v>
      </c>
      <c r="M47" s="89">
        <v>0.11096335173462449</v>
      </c>
      <c r="N47" s="165">
        <v>0.14885101925022165</v>
      </c>
      <c r="O47" s="89">
        <v>8.2722808086484745E-2</v>
      </c>
      <c r="P47" s="165">
        <v>0.32208249526831784</v>
      </c>
      <c r="Q47" s="89">
        <v>0.10456129418436889</v>
      </c>
      <c r="R47" s="88">
        <v>1.9499849014118296E-3</v>
      </c>
      <c r="S47" s="89">
        <v>3.5722115317105001E-2</v>
      </c>
      <c r="T47" s="161">
        <v>77</v>
      </c>
      <c r="U47" s="165">
        <v>0.27564524676554314</v>
      </c>
      <c r="V47" s="89">
        <v>0.10049594512345782</v>
      </c>
      <c r="W47" s="165">
        <v>0.22525281219460022</v>
      </c>
      <c r="X47" s="89">
        <v>9.4747307261494801E-2</v>
      </c>
      <c r="Y47" s="165">
        <v>0.43762178894536491</v>
      </c>
      <c r="Z47" s="89">
        <v>0.11032695970278826</v>
      </c>
      <c r="AA47" s="88">
        <v>6.1480152094492542E-2</v>
      </c>
      <c r="AB47" s="89">
        <v>6.1352633695407603E-2</v>
      </c>
      <c r="AC47" s="161">
        <v>77</v>
      </c>
      <c r="AD47" s="165">
        <v>0.24140363346636828</v>
      </c>
      <c r="AE47" s="89">
        <v>9.6754619347528936E-2</v>
      </c>
      <c r="AF47" s="165">
        <v>0.12871853769714489</v>
      </c>
      <c r="AG47" s="89">
        <v>7.8702036932636457E-2</v>
      </c>
      <c r="AH47" s="165">
        <v>0.61035617615566429</v>
      </c>
      <c r="AI47" s="89">
        <v>0.10863794864385676</v>
      </c>
      <c r="AJ47" s="88">
        <v>1.9521652680823655E-2</v>
      </c>
      <c r="AK47" s="89">
        <v>4.5203793315800878E-2</v>
      </c>
    </row>
    <row r="48" spans="1:45">
      <c r="A48" s="44" t="s">
        <v>542</v>
      </c>
      <c r="B48" s="163">
        <v>608</v>
      </c>
      <c r="C48" s="166">
        <v>0.29713940078459616</v>
      </c>
      <c r="D48" s="92">
        <v>3.6993530566522555E-2</v>
      </c>
      <c r="E48" s="166">
        <v>0.18104387661006835</v>
      </c>
      <c r="F48" s="92">
        <v>3.1268653382822691E-2</v>
      </c>
      <c r="G48" s="166">
        <v>0.45644021932432471</v>
      </c>
      <c r="H48" s="92">
        <v>4.0270918144727816E-2</v>
      </c>
      <c r="I48" s="91">
        <v>6.5376503281004861E-2</v>
      </c>
      <c r="J48" s="92">
        <v>2.0382549905553375E-2</v>
      </c>
      <c r="K48" s="163">
        <v>607</v>
      </c>
      <c r="L48" s="166">
        <v>0.39465822474406081</v>
      </c>
      <c r="M48" s="92">
        <v>3.955959928733823E-2</v>
      </c>
      <c r="N48" s="166">
        <v>0.19423857642855058</v>
      </c>
      <c r="O48" s="92">
        <v>3.2134133494644751E-2</v>
      </c>
      <c r="P48" s="166">
        <v>0.35316606351142615</v>
      </c>
      <c r="Q48" s="92">
        <v>3.8695687564658889E-2</v>
      </c>
      <c r="R48" s="91">
        <v>5.7937135315957448E-2</v>
      </c>
      <c r="S48" s="92">
        <v>1.933945762449674E-2</v>
      </c>
      <c r="T48" s="163">
        <v>607</v>
      </c>
      <c r="U48" s="166">
        <v>0.18357484465406518</v>
      </c>
      <c r="V48" s="92">
        <v>3.146003038187805E-2</v>
      </c>
      <c r="W48" s="166">
        <v>0.14118787171842251</v>
      </c>
      <c r="X48" s="92">
        <v>2.8369095154887718E-2</v>
      </c>
      <c r="Y48" s="166">
        <v>0.62480916172333489</v>
      </c>
      <c r="Z48" s="92">
        <v>3.9191999916911614E-2</v>
      </c>
      <c r="AA48" s="91">
        <v>5.0428121904171272E-2</v>
      </c>
      <c r="AB48" s="92">
        <v>1.8186668497920926E-2</v>
      </c>
      <c r="AC48" s="163">
        <v>609</v>
      </c>
      <c r="AD48" s="166">
        <v>0.15374617577526695</v>
      </c>
      <c r="AE48" s="92">
        <v>2.9311605925721546E-2</v>
      </c>
      <c r="AF48" s="166">
        <v>0.1655966140271688</v>
      </c>
      <c r="AG48" s="92">
        <v>3.0184749478020616E-2</v>
      </c>
      <c r="AH48" s="166">
        <v>0.65803009679502833</v>
      </c>
      <c r="AI48" s="92">
        <v>3.8346862341679389E-2</v>
      </c>
      <c r="AJ48" s="91">
        <v>2.2627113402529167E-2</v>
      </c>
      <c r="AK48" s="92">
        <v>1.2792598710572268E-2</v>
      </c>
    </row>
    <row r="49" spans="1:37">
      <c r="A49" s="40" t="s">
        <v>543</v>
      </c>
      <c r="B49" s="161">
        <v>59</v>
      </c>
      <c r="C49" s="165">
        <v>0.17433879786187298</v>
      </c>
      <c r="D49" s="89">
        <v>9.9836239404504909E-2</v>
      </c>
      <c r="E49" s="165">
        <v>0.11071422151768909</v>
      </c>
      <c r="F49" s="89">
        <v>8.6222040055379728E-2</v>
      </c>
      <c r="G49" s="165">
        <v>0.59341065303470664</v>
      </c>
      <c r="H49" s="89">
        <v>0.12404486680778563</v>
      </c>
      <c r="I49" s="88">
        <v>0.12153632758573163</v>
      </c>
      <c r="J49" s="89">
        <v>8.8864574887499964E-2</v>
      </c>
      <c r="K49" s="161">
        <v>59</v>
      </c>
      <c r="L49" s="165">
        <v>0.24114308838411669</v>
      </c>
      <c r="M49" s="89">
        <v>0.11018938705385828</v>
      </c>
      <c r="N49" s="165">
        <v>0.19273060435566247</v>
      </c>
      <c r="O49" s="89">
        <v>0.10303152588055317</v>
      </c>
      <c r="P49" s="165">
        <v>0.44194031443248333</v>
      </c>
      <c r="Q49" s="89">
        <v>0.12524098373832032</v>
      </c>
      <c r="R49" s="88">
        <v>0.12418599282773825</v>
      </c>
      <c r="S49" s="89">
        <v>8.9488573825333803E-2</v>
      </c>
      <c r="T49" s="161">
        <v>59</v>
      </c>
      <c r="U49" s="165">
        <v>8.956297426904726E-2</v>
      </c>
      <c r="V49" s="89">
        <v>8.0574883978224751E-2</v>
      </c>
      <c r="W49" s="165">
        <v>8.1247916864940012E-2</v>
      </c>
      <c r="X49" s="89">
        <v>7.815608633887576E-2</v>
      </c>
      <c r="Y49" s="165">
        <v>0.7646984031647297</v>
      </c>
      <c r="Z49" s="89">
        <v>0.10941387257696344</v>
      </c>
      <c r="AA49" s="88">
        <v>6.449070570128311E-2</v>
      </c>
      <c r="AB49" s="89">
        <v>7.2878208825352411E-2</v>
      </c>
      <c r="AC49" s="161">
        <v>59</v>
      </c>
      <c r="AD49" s="165">
        <v>9.3793421849277261E-2</v>
      </c>
      <c r="AE49" s="89">
        <v>8.1759968913520165E-2</v>
      </c>
      <c r="AF49" s="165">
        <v>5.6079106406515547E-2</v>
      </c>
      <c r="AG49" s="89">
        <v>6.9995031071443711E-2</v>
      </c>
      <c r="AH49" s="165">
        <v>0.82018881276060118</v>
      </c>
      <c r="AI49" s="89">
        <v>0.10081709404779002</v>
      </c>
      <c r="AJ49" s="88">
        <v>2.9938658983606127E-2</v>
      </c>
      <c r="AK49" s="89">
        <v>5.9740028292536718E-2</v>
      </c>
    </row>
    <row r="50" spans="1:37">
      <c r="A50" s="44" t="s">
        <v>550</v>
      </c>
      <c r="B50" s="163">
        <v>108</v>
      </c>
      <c r="C50" s="166">
        <v>0.30460090285247599</v>
      </c>
      <c r="D50" s="92">
        <v>8.7525035874774157E-2</v>
      </c>
      <c r="E50" s="166">
        <v>0.19418594616447804</v>
      </c>
      <c r="F50" s="92">
        <v>7.6307328704204605E-2</v>
      </c>
      <c r="G50" s="166">
        <v>0.4113258482150714</v>
      </c>
      <c r="H50" s="92">
        <v>9.3099124536578759E-2</v>
      </c>
      <c r="I50" s="91">
        <v>8.9887302767974478E-2</v>
      </c>
      <c r="J50" s="92">
        <v>5.7819543476007922E-2</v>
      </c>
      <c r="K50" s="163">
        <v>108</v>
      </c>
      <c r="L50" s="166">
        <v>0.47986704841816452</v>
      </c>
      <c r="M50" s="92">
        <v>9.4419863944349619E-2</v>
      </c>
      <c r="N50" s="166">
        <v>0.17685117459806265</v>
      </c>
      <c r="O50" s="92">
        <v>7.3896786494944869E-2</v>
      </c>
      <c r="P50" s="166">
        <v>0.26322563880104732</v>
      </c>
      <c r="Q50" s="92">
        <v>8.4064352407778278E-2</v>
      </c>
      <c r="R50" s="91">
        <v>8.005613818272557E-2</v>
      </c>
      <c r="S50" s="92">
        <v>5.5426542442668585E-2</v>
      </c>
      <c r="T50" s="163">
        <v>109</v>
      </c>
      <c r="U50" s="166">
        <v>0.18702859425506208</v>
      </c>
      <c r="V50" s="92">
        <v>7.4989262775137039E-2</v>
      </c>
      <c r="W50" s="166">
        <v>0.16061037218116836</v>
      </c>
      <c r="X50" s="92">
        <v>7.1103828409787601E-2</v>
      </c>
      <c r="Y50" s="166">
        <v>0.54484790173179631</v>
      </c>
      <c r="Z50" s="92">
        <v>9.371932126453536E-2</v>
      </c>
      <c r="AA50" s="91">
        <v>0.10751313183197336</v>
      </c>
      <c r="AB50" s="92">
        <v>6.144770876644047E-2</v>
      </c>
      <c r="AC50" s="163">
        <v>108</v>
      </c>
      <c r="AD50" s="166">
        <v>0.13548473890926005</v>
      </c>
      <c r="AE50" s="92">
        <v>6.7201710803360321E-2</v>
      </c>
      <c r="AF50" s="166">
        <v>0.23442156621574425</v>
      </c>
      <c r="AG50" s="92">
        <v>8.1155961959224712E-2</v>
      </c>
      <c r="AH50" s="166">
        <v>0.57151645740779966</v>
      </c>
      <c r="AI50" s="92">
        <v>9.3588041327204635E-2</v>
      </c>
      <c r="AJ50" s="91">
        <v>5.8577237467196133E-2</v>
      </c>
      <c r="AK50" s="92">
        <v>4.9575178548757273E-2</v>
      </c>
    </row>
    <row r="51" spans="1:37">
      <c r="A51" s="52" t="s">
        <v>544</v>
      </c>
      <c r="B51" s="161">
        <v>119</v>
      </c>
      <c r="C51" s="165">
        <v>0.30004628280853507</v>
      </c>
      <c r="D51" s="89">
        <v>8.3144824134494116E-2</v>
      </c>
      <c r="E51" s="165">
        <v>0.27987822297563514</v>
      </c>
      <c r="F51" s="89">
        <v>8.1579252419636261E-2</v>
      </c>
      <c r="G51" s="165">
        <v>0.37655860297505767</v>
      </c>
      <c r="H51" s="89">
        <v>8.7557123093169958E-2</v>
      </c>
      <c r="I51" s="88">
        <v>4.351689124077187E-2</v>
      </c>
      <c r="J51" s="89">
        <v>4.2275043079714844E-2</v>
      </c>
      <c r="K51" s="161">
        <v>120</v>
      </c>
      <c r="L51" s="165">
        <v>0.39248046050791652</v>
      </c>
      <c r="M51" s="89">
        <v>8.78366068505992E-2</v>
      </c>
      <c r="N51" s="165">
        <v>0.20075448931695183</v>
      </c>
      <c r="O51" s="89">
        <v>7.3206782839355916E-2</v>
      </c>
      <c r="P51" s="165">
        <v>0.37551785766809009</v>
      </c>
      <c r="Q51" s="89">
        <v>8.7157218132326561E-2</v>
      </c>
      <c r="R51" s="88">
        <v>3.1247192507041211E-2</v>
      </c>
      <c r="S51" s="89">
        <v>3.7767641094778377E-2</v>
      </c>
      <c r="T51" s="161">
        <v>120</v>
      </c>
      <c r="U51" s="165">
        <v>0.25134407000174275</v>
      </c>
      <c r="V51" s="89">
        <v>7.8718548660998588E-2</v>
      </c>
      <c r="W51" s="165">
        <v>0.14491093329986229</v>
      </c>
      <c r="X51" s="89">
        <v>6.5232901594251075E-2</v>
      </c>
      <c r="Y51" s="165">
        <v>0.58827774458406235</v>
      </c>
      <c r="Z51" s="89">
        <v>8.848212908985352E-2</v>
      </c>
      <c r="AA51" s="88">
        <v>1.5467252114333079E-2</v>
      </c>
      <c r="AB51" s="89">
        <v>3.1176033057733411E-2</v>
      </c>
      <c r="AC51" s="161">
        <v>121</v>
      </c>
      <c r="AD51" s="165">
        <v>0.19914990329156768</v>
      </c>
      <c r="AE51" s="89">
        <v>7.2705262804884138E-2</v>
      </c>
      <c r="AF51" s="165">
        <v>0.16939713505901893</v>
      </c>
      <c r="AG51" s="89">
        <v>6.8722028504651048E-2</v>
      </c>
      <c r="AH51" s="165">
        <v>0.63022775396988362</v>
      </c>
      <c r="AI51" s="89">
        <v>8.6553337812284845E-2</v>
      </c>
      <c r="AJ51" s="88">
        <v>1.2252076795303474E-3</v>
      </c>
      <c r="AK51" s="89">
        <v>2.3248667851558019E-2</v>
      </c>
    </row>
    <row r="52" spans="1:37">
      <c r="A52" s="44" t="s">
        <v>545</v>
      </c>
      <c r="B52" s="163">
        <v>155</v>
      </c>
      <c r="C52" s="166">
        <v>0.26724175914664783</v>
      </c>
      <c r="D52" s="92">
        <v>7.0668892278145892E-2</v>
      </c>
      <c r="E52" s="166">
        <v>0.1372658163118767</v>
      </c>
      <c r="F52" s="92">
        <v>5.606842625485136E-2</v>
      </c>
      <c r="G52" s="166">
        <v>0.53374793656408404</v>
      </c>
      <c r="H52" s="92">
        <v>7.91333021170222E-2</v>
      </c>
      <c r="I52" s="91">
        <v>6.1744487977391807E-2</v>
      </c>
      <c r="J52" s="92">
        <v>4.1200336577906518E-2</v>
      </c>
      <c r="K52" s="163">
        <v>154</v>
      </c>
      <c r="L52" s="166">
        <v>0.35595293570114833</v>
      </c>
      <c r="M52" s="92">
        <v>7.6354893382717795E-2</v>
      </c>
      <c r="N52" s="166">
        <v>0.23994522317095129</v>
      </c>
      <c r="O52" s="92">
        <v>6.8575449640260605E-2</v>
      </c>
      <c r="P52" s="166">
        <v>0.36995283486023339</v>
      </c>
      <c r="Q52" s="92">
        <v>7.6956869821722548E-2</v>
      </c>
      <c r="R52" s="91">
        <v>3.414900626766687E-2</v>
      </c>
      <c r="S52" s="92">
        <v>3.3311711710895711E-2</v>
      </c>
      <c r="T52" s="163">
        <v>154</v>
      </c>
      <c r="U52" s="166">
        <v>0.11325274771911527</v>
      </c>
      <c r="V52" s="92">
        <v>5.2266124372270822E-2</v>
      </c>
      <c r="W52" s="166">
        <v>0.19538295953067902</v>
      </c>
      <c r="X52" s="92">
        <v>6.4010935046849932E-2</v>
      </c>
      <c r="Y52" s="166">
        <v>0.64760381198538697</v>
      </c>
      <c r="Z52" s="92">
        <v>7.6191345467955335E-2</v>
      </c>
      <c r="AA52" s="91">
        <v>4.3760480764819275E-2</v>
      </c>
      <c r="AB52" s="92">
        <v>3.6370651124174862E-2</v>
      </c>
      <c r="AC52" s="163">
        <v>154</v>
      </c>
      <c r="AD52" s="166">
        <v>0.16031793623291052</v>
      </c>
      <c r="AE52" s="92">
        <v>5.9615724366708214E-2</v>
      </c>
      <c r="AF52" s="166">
        <v>0.20664294246078627</v>
      </c>
      <c r="AG52" s="92">
        <v>6.5263606756763917E-2</v>
      </c>
      <c r="AH52" s="166">
        <v>0.63190217829240947</v>
      </c>
      <c r="AI52" s="92">
        <v>7.6880901680627334E-2</v>
      </c>
      <c r="AJ52" s="91">
        <v>1.136943013894335E-3</v>
      </c>
      <c r="AK52" s="92">
        <v>1.8539642145512698E-2</v>
      </c>
    </row>
    <row r="53" spans="1:37">
      <c r="A53" s="52" t="s">
        <v>546</v>
      </c>
      <c r="B53" s="161">
        <v>72</v>
      </c>
      <c r="C53" s="165">
        <v>0.26161293941246305</v>
      </c>
      <c r="D53" s="89">
        <v>0.10234002299821228</v>
      </c>
      <c r="E53" s="165">
        <v>0.20428168303756689</v>
      </c>
      <c r="F53" s="89">
        <v>9.5010699401464435E-2</v>
      </c>
      <c r="G53" s="165">
        <v>0.51282141223127187</v>
      </c>
      <c r="H53" s="89">
        <v>0.11467401396146702</v>
      </c>
      <c r="I53" s="88">
        <v>2.1283965318697536E-2</v>
      </c>
      <c r="J53" s="89">
        <v>4.8296887709760622E-2</v>
      </c>
      <c r="K53" s="161">
        <v>72</v>
      </c>
      <c r="L53" s="165">
        <v>0.37706035920564596</v>
      </c>
      <c r="M53" s="89">
        <v>0.11155242830845596</v>
      </c>
      <c r="N53" s="165">
        <v>0.12345375507435249</v>
      </c>
      <c r="O53" s="89">
        <v>8.0375801107778214E-2</v>
      </c>
      <c r="P53" s="165">
        <v>0.44456575201978299</v>
      </c>
      <c r="Q53" s="89">
        <v>0.11407338377796576</v>
      </c>
      <c r="R53" s="88">
        <v>5.4920133700217866E-2</v>
      </c>
      <c r="S53" s="89">
        <v>6.1647294607056008E-2</v>
      </c>
      <c r="T53" s="161">
        <v>71</v>
      </c>
      <c r="U53" s="165">
        <v>0.20042902258386147</v>
      </c>
      <c r="V53" s="89">
        <v>9.5099813768530675E-2</v>
      </c>
      <c r="W53" s="165">
        <v>6.1912400085805057E-2</v>
      </c>
      <c r="X53" s="89">
        <v>6.4500084985362804E-2</v>
      </c>
      <c r="Y53" s="165">
        <v>0.69416492939877883</v>
      </c>
      <c r="Z53" s="89">
        <v>0.10738443835761939</v>
      </c>
      <c r="AA53" s="88">
        <v>4.3493647931553907E-2</v>
      </c>
      <c r="AB53" s="89">
        <v>5.8075031525239705E-2</v>
      </c>
      <c r="AC53" s="161">
        <v>72</v>
      </c>
      <c r="AD53" s="165">
        <v>6.8787054592101771E-2</v>
      </c>
      <c r="AE53" s="89">
        <v>6.6139179385946989E-2</v>
      </c>
      <c r="AF53" s="165">
        <v>0.11622112938946466</v>
      </c>
      <c r="AG53" s="89">
        <v>7.8743285826306894E-2</v>
      </c>
      <c r="AH53" s="165">
        <v>0.7543971573088516</v>
      </c>
      <c r="AI53" s="89">
        <v>0.10050274264835221</v>
      </c>
      <c r="AJ53" s="88">
        <v>6.0594658709581452E-2</v>
      </c>
      <c r="AK53" s="89">
        <v>6.35411209487627E-2</v>
      </c>
    </row>
    <row r="54" spans="1:37">
      <c r="A54" s="44" t="s">
        <v>547</v>
      </c>
      <c r="B54" s="163">
        <v>95</v>
      </c>
      <c r="C54" s="166">
        <v>0.4785313187785652</v>
      </c>
      <c r="D54" s="92">
        <v>0.10041843528609931</v>
      </c>
      <c r="E54" s="166">
        <v>0.10318768444832349</v>
      </c>
      <c r="F54" s="92">
        <v>6.513605850190135E-2</v>
      </c>
      <c r="G54" s="166">
        <v>0.34139576988677284</v>
      </c>
      <c r="H54" s="92">
        <v>9.5734562362639219E-2</v>
      </c>
      <c r="I54" s="91">
        <v>7.6885226886337033E-2</v>
      </c>
      <c r="J54" s="92">
        <v>5.8654402137252815E-2</v>
      </c>
      <c r="K54" s="163">
        <v>94</v>
      </c>
      <c r="L54" s="166">
        <v>0.47339083173709334</v>
      </c>
      <c r="M54" s="92">
        <v>0.10088356036043573</v>
      </c>
      <c r="N54" s="166">
        <v>0.18872593668732968</v>
      </c>
      <c r="O54" s="92">
        <v>8.1028227012966011E-2</v>
      </c>
      <c r="P54" s="166">
        <v>0.26255829594087066</v>
      </c>
      <c r="Q54" s="92">
        <v>8.9927372894974503E-2</v>
      </c>
      <c r="R54" s="91">
        <v>7.5324935634704923E-2</v>
      </c>
      <c r="S54" s="92">
        <v>5.857943966234664E-2</v>
      </c>
      <c r="T54" s="163">
        <v>94</v>
      </c>
      <c r="U54" s="166">
        <v>0.26512330701856451</v>
      </c>
      <c r="V54" s="92">
        <v>9.017997103987388E-2</v>
      </c>
      <c r="W54" s="166">
        <v>0.10883862421951422</v>
      </c>
      <c r="X54" s="92">
        <v>6.6770474268258842E-2</v>
      </c>
      <c r="Y54" s="166">
        <v>0.6008248464013155</v>
      </c>
      <c r="Z54" s="92">
        <v>9.9107705502946813E-2</v>
      </c>
      <c r="AA54" s="91">
        <v>2.5213222360604238E-2</v>
      </c>
      <c r="AB54" s="92">
        <v>4.1700488698380209E-2</v>
      </c>
      <c r="AC54" s="163">
        <v>95</v>
      </c>
      <c r="AD54" s="166">
        <v>0.22669672420688464</v>
      </c>
      <c r="AE54" s="92">
        <v>8.556864222368038E-2</v>
      </c>
      <c r="AF54" s="166">
        <v>8.2564368196276425E-2</v>
      </c>
      <c r="AG54" s="92">
        <v>6.0149322298687809E-2</v>
      </c>
      <c r="AH54" s="166">
        <v>0.69073890759683731</v>
      </c>
      <c r="AI54" s="92">
        <v>9.3527759099305025E-2</v>
      </c>
      <c r="AJ54" s="91">
        <v>0</v>
      </c>
      <c r="AK54" s="92">
        <v>2.8279912978147775E-2</v>
      </c>
    </row>
    <row r="55" spans="1:37">
      <c r="A55" s="52" t="s">
        <v>551</v>
      </c>
      <c r="B55" s="161">
        <v>758</v>
      </c>
      <c r="C55" s="165">
        <v>0.27698032712403831</v>
      </c>
      <c r="D55" s="89">
        <v>3.2465045714656048E-2</v>
      </c>
      <c r="E55" s="165">
        <v>0.22914330279886205</v>
      </c>
      <c r="F55" s="89">
        <v>3.0516537138165017E-2</v>
      </c>
      <c r="G55" s="165">
        <v>0.40299722399834759</v>
      </c>
      <c r="H55" s="89">
        <v>3.5545172174679736E-2</v>
      </c>
      <c r="I55" s="88">
        <v>9.087914607875458E-2</v>
      </c>
      <c r="J55" s="89">
        <v>2.1045231084437146E-2</v>
      </c>
      <c r="K55" s="161">
        <v>760</v>
      </c>
      <c r="L55" s="165">
        <v>0.296123366035138</v>
      </c>
      <c r="M55" s="89">
        <v>3.3068896941916046E-2</v>
      </c>
      <c r="N55" s="165">
        <v>0.22106513521995777</v>
      </c>
      <c r="O55" s="89">
        <v>3.0096521596727821E-2</v>
      </c>
      <c r="P55" s="165">
        <v>0.39126672274362312</v>
      </c>
      <c r="Q55" s="89">
        <v>3.5322044983023382E-2</v>
      </c>
      <c r="R55" s="88">
        <v>9.1544776001283842E-2</v>
      </c>
      <c r="S55" s="89">
        <v>2.108406598352143E-2</v>
      </c>
      <c r="T55" s="161">
        <v>759</v>
      </c>
      <c r="U55" s="165">
        <v>0.27976376986391577</v>
      </c>
      <c r="V55" s="89">
        <v>3.2542198094777722E-2</v>
      </c>
      <c r="W55" s="165">
        <v>0.18035900996675333</v>
      </c>
      <c r="X55" s="89">
        <v>2.793909106175017E-2</v>
      </c>
      <c r="Y55" s="165">
        <v>0.46049877007241008</v>
      </c>
      <c r="Z55" s="89">
        <v>3.6090462289907248E-2</v>
      </c>
      <c r="AA55" s="88">
        <v>7.937845009692282E-2</v>
      </c>
      <c r="AB55" s="89">
        <v>1.9819323990541385E-2</v>
      </c>
      <c r="AC55" s="161">
        <v>756</v>
      </c>
      <c r="AD55" s="165">
        <v>0.16388598100922816</v>
      </c>
      <c r="AE55" s="89">
        <v>2.6971078313102012E-2</v>
      </c>
      <c r="AF55" s="165">
        <v>0.20913322846293128</v>
      </c>
      <c r="AG55" s="89">
        <v>2.9583489399850733E-2</v>
      </c>
      <c r="AH55" s="165">
        <v>0.56185438431237378</v>
      </c>
      <c r="AI55" s="89">
        <v>3.5998114166485594E-2</v>
      </c>
      <c r="AJ55" s="88">
        <v>6.5126406215467905E-2</v>
      </c>
      <c r="AK55" s="89">
        <v>1.8190570640586254E-2</v>
      </c>
    </row>
    <row r="56" spans="1:37">
      <c r="A56" s="44" t="s">
        <v>552</v>
      </c>
      <c r="B56" s="163">
        <v>210</v>
      </c>
      <c r="C56" s="166">
        <v>0.25685249886739453</v>
      </c>
      <c r="D56" s="92">
        <v>6.0072970777701809E-2</v>
      </c>
      <c r="E56" s="166">
        <v>0.23810782769379735</v>
      </c>
      <c r="F56" s="92">
        <v>5.8637576283251544E-2</v>
      </c>
      <c r="G56" s="166">
        <v>0.41792637066060656</v>
      </c>
      <c r="H56" s="92">
        <v>6.7465932149660235E-2</v>
      </c>
      <c r="I56" s="91">
        <v>8.7113302778201784E-2</v>
      </c>
      <c r="J56" s="92">
        <v>4.0055552171297658E-2</v>
      </c>
      <c r="K56" s="163">
        <v>211</v>
      </c>
      <c r="L56" s="166">
        <v>0.27673034072181535</v>
      </c>
      <c r="M56" s="92">
        <v>6.1301885692390458E-2</v>
      </c>
      <c r="N56" s="166">
        <v>0.23221381368329297</v>
      </c>
      <c r="O56" s="92">
        <v>5.8019081977620887E-2</v>
      </c>
      <c r="P56" s="166">
        <v>0.39954603598247557</v>
      </c>
      <c r="Q56" s="92">
        <v>6.6860630792834094E-2</v>
      </c>
      <c r="R56" s="91">
        <v>9.150980961241631E-2</v>
      </c>
      <c r="S56" s="92">
        <v>4.0757229958710534E-2</v>
      </c>
      <c r="T56" s="163">
        <v>209</v>
      </c>
      <c r="U56" s="166">
        <v>0.22664466327791075</v>
      </c>
      <c r="V56" s="92">
        <v>5.782554476551989E-2</v>
      </c>
      <c r="W56" s="166">
        <v>0.2108897695108016</v>
      </c>
      <c r="X56" s="92">
        <v>5.6423138085899091E-2</v>
      </c>
      <c r="Y56" s="166">
        <v>0.47068453235751734</v>
      </c>
      <c r="Z56" s="92">
        <v>6.8405388976834111E-2</v>
      </c>
      <c r="AA56" s="91">
        <v>9.1781034853770413E-2</v>
      </c>
      <c r="AB56" s="92">
        <v>4.1010107373716603E-2</v>
      </c>
      <c r="AC56" s="163">
        <v>209</v>
      </c>
      <c r="AD56" s="166">
        <v>0.11323546381390026</v>
      </c>
      <c r="AE56" s="92">
        <v>4.4611778381259598E-2</v>
      </c>
      <c r="AF56" s="166">
        <v>0.18664322141233899</v>
      </c>
      <c r="AG56" s="92">
        <v>5.4031964198485244E-2</v>
      </c>
      <c r="AH56" s="166">
        <v>0.63472706209214336</v>
      </c>
      <c r="AI56" s="92">
        <v>6.6080610812586482E-2</v>
      </c>
      <c r="AJ56" s="91">
        <v>6.5394252681617193E-2</v>
      </c>
      <c r="AK56" s="92">
        <v>3.5773255145979829E-2</v>
      </c>
    </row>
    <row r="57" spans="1:37">
      <c r="A57" s="52" t="s">
        <v>553</v>
      </c>
      <c r="B57" s="161">
        <v>271</v>
      </c>
      <c r="C57" s="165">
        <v>0.26847914771644682</v>
      </c>
      <c r="D57" s="89">
        <v>5.3658324107091059E-2</v>
      </c>
      <c r="E57" s="165">
        <v>0.23859317210342174</v>
      </c>
      <c r="F57" s="89">
        <v>5.1682935110396858E-2</v>
      </c>
      <c r="G57" s="165">
        <v>0.39708484424109786</v>
      </c>
      <c r="H57" s="89">
        <v>5.9048743757334363E-2</v>
      </c>
      <c r="I57" s="88">
        <v>9.5842835939034782E-2</v>
      </c>
      <c r="J57" s="89">
        <v>3.6456544486092576E-2</v>
      </c>
      <c r="K57" s="161">
        <v>271</v>
      </c>
      <c r="L57" s="165">
        <v>0.28521098396909567</v>
      </c>
      <c r="M57" s="89">
        <v>5.4632392295173554E-2</v>
      </c>
      <c r="N57" s="165">
        <v>0.21708140421211208</v>
      </c>
      <c r="O57" s="89">
        <v>5.0057226176458483E-2</v>
      </c>
      <c r="P57" s="165">
        <v>0.37970568831913093</v>
      </c>
      <c r="Q57" s="89">
        <v>5.8582924405665759E-2</v>
      </c>
      <c r="R57" s="88">
        <v>0.1180019234996624</v>
      </c>
      <c r="S57" s="89">
        <v>3.9688169201547101E-2</v>
      </c>
      <c r="T57" s="161">
        <v>271</v>
      </c>
      <c r="U57" s="165">
        <v>0.31192574355961267</v>
      </c>
      <c r="V57" s="89">
        <v>5.600644013605037E-2</v>
      </c>
      <c r="W57" s="165">
        <v>0.18391197763471162</v>
      </c>
      <c r="X57" s="89">
        <v>4.7170675661431856E-2</v>
      </c>
      <c r="Y57" s="165">
        <v>0.4321773563561282</v>
      </c>
      <c r="Z57" s="89">
        <v>5.9761091799361891E-2</v>
      </c>
      <c r="AA57" s="88">
        <v>7.1984922449548738E-2</v>
      </c>
      <c r="AB57" s="89">
        <v>3.2382643820522972E-2</v>
      </c>
      <c r="AC57" s="161">
        <v>270</v>
      </c>
      <c r="AD57" s="165">
        <v>0.19642428854556926</v>
      </c>
      <c r="AE57" s="89">
        <v>4.84071686841459E-2</v>
      </c>
      <c r="AF57" s="165">
        <v>0.23920549027633725</v>
      </c>
      <c r="AG57" s="89">
        <v>5.1821920293382277E-2</v>
      </c>
      <c r="AH57" s="165">
        <v>0.51041040185096576</v>
      </c>
      <c r="AI57" s="89">
        <v>6.0399493002270224E-2</v>
      </c>
      <c r="AJ57" s="88">
        <v>5.3959819327128747E-2</v>
      </c>
      <c r="AK57" s="89">
        <v>2.8799475375056813E-2</v>
      </c>
    </row>
    <row r="58" spans="1:37">
      <c r="A58" s="44" t="s">
        <v>554</v>
      </c>
      <c r="B58" s="163">
        <v>240</v>
      </c>
      <c r="C58" s="166">
        <v>0.31238382590290714</v>
      </c>
      <c r="D58" s="92">
        <v>5.9498560967242466E-2</v>
      </c>
      <c r="E58" s="166">
        <v>0.21401005096559661</v>
      </c>
      <c r="F58" s="92">
        <v>5.2925777893813801E-2</v>
      </c>
      <c r="G58" s="166">
        <v>0.3819416492025528</v>
      </c>
      <c r="H58" s="92">
        <v>6.2267989869207334E-2</v>
      </c>
      <c r="I58" s="91">
        <v>9.1664473928944418E-2</v>
      </c>
      <c r="J58" s="92">
        <v>3.8129224760597429E-2</v>
      </c>
      <c r="K58" s="163">
        <v>241</v>
      </c>
      <c r="L58" s="166">
        <v>0.32886703719482802</v>
      </c>
      <c r="M58" s="92">
        <v>6.0157886977874706E-2</v>
      </c>
      <c r="N58" s="166">
        <v>0.2176133903683769</v>
      </c>
      <c r="O58" s="92">
        <v>5.3121404859396891E-2</v>
      </c>
      <c r="P58" s="166">
        <v>0.38339372902178964</v>
      </c>
      <c r="Q58" s="92">
        <v>6.2183840359279055E-2</v>
      </c>
      <c r="R58" s="91">
        <v>7.0125843415006217E-2</v>
      </c>
      <c r="S58" s="92">
        <v>3.4093022773505267E-2</v>
      </c>
      <c r="T58" s="163">
        <v>241</v>
      </c>
      <c r="U58" s="166">
        <v>0.30267100384961126</v>
      </c>
      <c r="V58" s="92">
        <v>5.8876883896651425E-2</v>
      </c>
      <c r="W58" s="166">
        <v>0.15461369629068139</v>
      </c>
      <c r="X58" s="92">
        <v>4.6873123143245293E-2</v>
      </c>
      <c r="Y58" s="166">
        <v>0.45698422507439873</v>
      </c>
      <c r="Z58" s="92">
        <v>6.3658472633129348E-2</v>
      </c>
      <c r="AA58" s="91">
        <v>8.5731074785309586E-2</v>
      </c>
      <c r="AB58" s="92">
        <v>3.7019440886440096E-2</v>
      </c>
      <c r="AC58" s="163">
        <v>239</v>
      </c>
      <c r="AD58" s="166">
        <v>0.19319226858955901</v>
      </c>
      <c r="AE58" s="92">
        <v>5.1150141702945504E-2</v>
      </c>
      <c r="AF58" s="166">
        <v>0.1877246177575477</v>
      </c>
      <c r="AG58" s="92">
        <v>5.0620522045516043E-2</v>
      </c>
      <c r="AH58" s="166">
        <v>0.53957759435035224</v>
      </c>
      <c r="AI58" s="92">
        <v>6.3955328784740889E-2</v>
      </c>
      <c r="AJ58" s="91">
        <v>7.9505519302541808E-2</v>
      </c>
      <c r="AK58" s="92">
        <v>3.6051534098035104E-2</v>
      </c>
    </row>
    <row r="61" spans="1:37" ht="18.75">
      <c r="A61" s="284" t="s">
        <v>231</v>
      </c>
      <c r="B61" s="284"/>
      <c r="C61" s="284"/>
      <c r="D61" s="284"/>
      <c r="E61" s="284"/>
      <c r="F61" s="284"/>
      <c r="G61" s="284"/>
      <c r="H61" s="284"/>
      <c r="I61" s="284"/>
      <c r="J61" s="284"/>
      <c r="K61" s="284"/>
      <c r="L61" s="284"/>
      <c r="M61" s="285"/>
    </row>
    <row r="62" spans="1:37" ht="62.25" customHeight="1">
      <c r="A62" s="409" t="s">
        <v>601</v>
      </c>
      <c r="B62" s="409"/>
      <c r="C62" s="409"/>
      <c r="D62" s="409"/>
      <c r="E62" s="409"/>
      <c r="F62" s="409"/>
      <c r="G62" s="409"/>
      <c r="H62" s="409"/>
      <c r="I62" s="409"/>
      <c r="J62" s="409"/>
      <c r="K62" s="409"/>
      <c r="L62" s="409"/>
      <c r="M62" s="285"/>
    </row>
    <row r="63" spans="1:37" ht="43.5" customHeight="1">
      <c r="A63" s="396" t="s">
        <v>232</v>
      </c>
      <c r="B63" s="397"/>
      <c r="C63" s="397"/>
      <c r="D63" s="397"/>
      <c r="E63" s="397"/>
      <c r="F63" s="397"/>
      <c r="G63" s="397"/>
      <c r="H63" s="397"/>
      <c r="I63" s="397"/>
      <c r="J63" s="397"/>
      <c r="K63" s="397"/>
      <c r="L63" s="397"/>
    </row>
    <row r="64" spans="1:37" ht="72">
      <c r="A64" s="32" t="s">
        <v>71</v>
      </c>
      <c r="B64" s="33" t="s">
        <v>72</v>
      </c>
      <c r="C64" s="34" t="s">
        <v>593</v>
      </c>
      <c r="D64" s="35" t="s">
        <v>73</v>
      </c>
      <c r="E64" s="33" t="s">
        <v>156</v>
      </c>
      <c r="F64" s="84" t="s">
        <v>85</v>
      </c>
      <c r="G64" s="33" t="s">
        <v>157</v>
      </c>
      <c r="H64" s="84" t="s">
        <v>86</v>
      </c>
      <c r="I64" s="33" t="s">
        <v>158</v>
      </c>
      <c r="J64" s="84" t="s">
        <v>87</v>
      </c>
      <c r="K64" s="33" t="s">
        <v>301</v>
      </c>
      <c r="L64" s="84" t="s">
        <v>300</v>
      </c>
    </row>
    <row r="65" spans="1:12" ht="84">
      <c r="A65" s="36"/>
      <c r="B65" s="37" t="s">
        <v>74</v>
      </c>
      <c r="C65" s="123" t="s">
        <v>305</v>
      </c>
      <c r="D65" s="39" t="s">
        <v>76</v>
      </c>
      <c r="E65" s="37" t="s">
        <v>159</v>
      </c>
      <c r="F65" s="86" t="s">
        <v>126</v>
      </c>
      <c r="G65" s="37" t="s">
        <v>160</v>
      </c>
      <c r="H65" s="86" t="s">
        <v>127</v>
      </c>
      <c r="I65" s="37" t="s">
        <v>161</v>
      </c>
      <c r="J65" s="86" t="s">
        <v>128</v>
      </c>
      <c r="K65" s="37" t="s">
        <v>301</v>
      </c>
      <c r="L65" s="86" t="s">
        <v>88</v>
      </c>
    </row>
    <row r="66" spans="1:12">
      <c r="A66" s="40" t="s">
        <v>350</v>
      </c>
      <c r="B66" s="161">
        <v>13859</v>
      </c>
      <c r="C66" s="162">
        <v>3.3104475129063768</v>
      </c>
      <c r="D66" s="81">
        <v>3.1669094122717165E-2</v>
      </c>
      <c r="E66" s="165">
        <v>0.54255580172524498</v>
      </c>
      <c r="F66" s="89">
        <v>8.4624003210506289E-3</v>
      </c>
      <c r="G66" s="165">
        <v>0.16628583039147191</v>
      </c>
      <c r="H66" s="89">
        <v>6.3261315830269163E-3</v>
      </c>
      <c r="I66" s="165">
        <v>0.26549245322642018</v>
      </c>
      <c r="J66" s="89">
        <v>7.5017214885631477E-3</v>
      </c>
      <c r="K66" s="88">
        <v>2.5665914656880798E-2</v>
      </c>
      <c r="L66" s="89">
        <v>2.6931346045782818E-3</v>
      </c>
    </row>
    <row r="67" spans="1:12">
      <c r="A67" s="44" t="s">
        <v>351</v>
      </c>
      <c r="B67" s="44">
        <v>10148</v>
      </c>
      <c r="C67" s="164">
        <v>3.4470646227759301</v>
      </c>
      <c r="D67" s="82">
        <v>3.72271457207521E-2</v>
      </c>
      <c r="E67" s="166">
        <v>0.5244856515499543</v>
      </c>
      <c r="F67" s="92">
        <v>9.9129569760614822E-3</v>
      </c>
      <c r="G67" s="166">
        <v>0.1647192407221065</v>
      </c>
      <c r="H67" s="92">
        <v>7.3651624716830916E-3</v>
      </c>
      <c r="I67" s="166">
        <v>0.29293758002893078</v>
      </c>
      <c r="J67" s="92">
        <v>9.0345395787262538E-3</v>
      </c>
      <c r="K67" s="91">
        <v>1.7857527699007364E-2</v>
      </c>
      <c r="L67" s="92">
        <v>2.6424569630790979E-3</v>
      </c>
    </row>
    <row r="68" spans="1:12">
      <c r="A68" s="40" t="s">
        <v>352</v>
      </c>
      <c r="B68" s="48">
        <v>3711</v>
      </c>
      <c r="C68" s="162">
        <v>3.1985662589926283</v>
      </c>
      <c r="D68" s="81">
        <v>5.8462623801175992E-2</v>
      </c>
      <c r="E68" s="165">
        <v>0.55714155715338731</v>
      </c>
      <c r="F68" s="89">
        <v>1.629941481269119E-2</v>
      </c>
      <c r="G68" s="165">
        <v>0.1675503408438978</v>
      </c>
      <c r="H68" s="89">
        <v>1.2265132901639974E-2</v>
      </c>
      <c r="I68" s="165">
        <v>0.24333946039829146</v>
      </c>
      <c r="J68" s="89">
        <v>1.4085573792214508E-2</v>
      </c>
      <c r="K68" s="88">
        <v>3.1968641604423968E-2</v>
      </c>
      <c r="L68" s="89">
        <v>5.8162171860015096E-3</v>
      </c>
    </row>
    <row r="69" spans="1:12">
      <c r="A69" s="44" t="s">
        <v>534</v>
      </c>
      <c r="B69" s="44">
        <v>3191</v>
      </c>
      <c r="C69" s="164">
        <v>3.325196731561749</v>
      </c>
      <c r="D69" s="82">
        <v>6.6705808434390682E-2</v>
      </c>
      <c r="E69" s="166">
        <v>0.5348806781503529</v>
      </c>
      <c r="F69" s="92">
        <v>1.7648502764447158E-2</v>
      </c>
      <c r="G69" s="166">
        <v>0.15247934421894299</v>
      </c>
      <c r="H69" s="92">
        <v>1.2734515763710966E-2</v>
      </c>
      <c r="I69" s="166">
        <v>0.27772099380263648</v>
      </c>
      <c r="J69" s="92">
        <v>1.5852041989897567E-2</v>
      </c>
      <c r="K69" s="91">
        <v>3.4918983828061904E-2</v>
      </c>
      <c r="L69" s="92">
        <v>6.5473746299796552E-3</v>
      </c>
    </row>
    <row r="70" spans="1:12">
      <c r="A70" s="40" t="s">
        <v>535</v>
      </c>
      <c r="B70" s="48">
        <v>2505</v>
      </c>
      <c r="C70" s="162">
        <v>3.6049874461469202</v>
      </c>
      <c r="D70" s="81">
        <v>7.5222564286247712E-2</v>
      </c>
      <c r="E70" s="165">
        <v>0.49361032101175079</v>
      </c>
      <c r="F70" s="89">
        <v>1.9962471848722421E-2</v>
      </c>
      <c r="G70" s="165">
        <v>0.15370035618063496</v>
      </c>
      <c r="H70" s="89">
        <v>1.442168722173879E-2</v>
      </c>
      <c r="I70" s="165">
        <v>0.34135087370600226</v>
      </c>
      <c r="J70" s="89">
        <v>1.8935844124906509E-2</v>
      </c>
      <c r="K70" s="88">
        <v>1.1338449101612733E-2</v>
      </c>
      <c r="L70" s="89">
        <v>4.3685657664619968E-3</v>
      </c>
    </row>
    <row r="71" spans="1:12">
      <c r="A71" s="44" t="s">
        <v>536</v>
      </c>
      <c r="B71" s="44">
        <v>365</v>
      </c>
      <c r="C71" s="164">
        <v>3.6348884434281676</v>
      </c>
      <c r="D71" s="82">
        <v>0.19750456460519025</v>
      </c>
      <c r="E71" s="166">
        <v>0.5097896148948462</v>
      </c>
      <c r="F71" s="92">
        <v>5.2048156764797855E-2</v>
      </c>
      <c r="G71" s="166">
        <v>0.13535190858052115</v>
      </c>
      <c r="H71" s="92">
        <v>3.605159276036813E-2</v>
      </c>
      <c r="I71" s="166">
        <v>0.34906347240961888</v>
      </c>
      <c r="J71" s="92">
        <v>4.9682940829344761E-2</v>
      </c>
      <c r="K71" s="91">
        <v>5.795004115013924E-3</v>
      </c>
      <c r="L71" s="92">
        <v>1.0933584861896472E-2</v>
      </c>
    </row>
    <row r="72" spans="1:12">
      <c r="A72" s="40" t="s">
        <v>537</v>
      </c>
      <c r="B72" s="48">
        <v>85</v>
      </c>
      <c r="C72" s="162">
        <v>3.7650631473863791</v>
      </c>
      <c r="D72" s="81">
        <v>0.4301539215811862</v>
      </c>
      <c r="E72" s="165">
        <v>0.48142651095288719</v>
      </c>
      <c r="F72" s="89">
        <v>0.10593305870522284</v>
      </c>
      <c r="G72" s="165">
        <v>0.12605541765581396</v>
      </c>
      <c r="H72" s="89">
        <v>7.4185430826907164E-2</v>
      </c>
      <c r="I72" s="165">
        <v>0.3913651087481233</v>
      </c>
      <c r="J72" s="89">
        <v>0.10369259548322003</v>
      </c>
      <c r="K72" s="88">
        <v>1.1529626431761408E-3</v>
      </c>
      <c r="L72" s="89">
        <v>3.2163462643400073E-2</v>
      </c>
    </row>
    <row r="73" spans="1:12">
      <c r="A73" s="44" t="s">
        <v>538</v>
      </c>
      <c r="B73" s="44">
        <v>64</v>
      </c>
      <c r="C73" s="164">
        <v>3.7437245273784598</v>
      </c>
      <c r="D73" s="82">
        <v>0.47317799123573401</v>
      </c>
      <c r="E73" s="166">
        <v>0.50132945699771836</v>
      </c>
      <c r="F73" s="92">
        <v>0.12126743279514281</v>
      </c>
      <c r="G73" s="166">
        <v>0.10400940146160589</v>
      </c>
      <c r="H73" s="92">
        <v>8.0840045736067401E-2</v>
      </c>
      <c r="I73" s="166">
        <v>0.3932126552847568</v>
      </c>
      <c r="J73" s="92">
        <v>0.11879260152006324</v>
      </c>
      <c r="K73" s="91">
        <v>1.4484862559185283E-3</v>
      </c>
      <c r="L73" s="92">
        <v>4.1887764912020294E-2</v>
      </c>
    </row>
    <row r="74" spans="1:12">
      <c r="A74" s="40" t="s">
        <v>539</v>
      </c>
      <c r="B74" s="48">
        <v>63</v>
      </c>
      <c r="C74" s="162">
        <v>3.4383340462675003</v>
      </c>
      <c r="D74" s="81">
        <v>0.45500851362289724</v>
      </c>
      <c r="E74" s="165">
        <v>0.55104721463013195</v>
      </c>
      <c r="F74" s="89">
        <v>0.1216051934540206</v>
      </c>
      <c r="G74" s="165">
        <v>0.12333850259314617</v>
      </c>
      <c r="H74" s="89">
        <v>8.6234877110607816E-2</v>
      </c>
      <c r="I74" s="165">
        <v>0.30569496295898391</v>
      </c>
      <c r="J74" s="89">
        <v>0.11372104632669819</v>
      </c>
      <c r="K74" s="88">
        <v>1.9919319817737865E-2</v>
      </c>
      <c r="L74" s="89">
        <v>5.2530448136232699E-2</v>
      </c>
    </row>
    <row r="75" spans="1:12">
      <c r="A75" s="44" t="s">
        <v>540</v>
      </c>
      <c r="B75" s="44">
        <v>76</v>
      </c>
      <c r="C75" s="164">
        <v>3.2637711280787469</v>
      </c>
      <c r="D75" s="82">
        <v>0.43094582027095435</v>
      </c>
      <c r="E75" s="166">
        <v>0.5519720667493041</v>
      </c>
      <c r="F75" s="92">
        <v>0.11125696857067421</v>
      </c>
      <c r="G75" s="166">
        <v>0.18738500089374591</v>
      </c>
      <c r="H75" s="92">
        <v>8.994452616925934E-2</v>
      </c>
      <c r="I75" s="166">
        <v>0.25723064017249908</v>
      </c>
      <c r="J75" s="92">
        <v>9.919914105748931E-2</v>
      </c>
      <c r="K75" s="91">
        <v>3.4122921844503386E-3</v>
      </c>
      <c r="L75" s="92">
        <v>3.7043275518617878E-2</v>
      </c>
    </row>
    <row r="76" spans="1:12">
      <c r="A76" s="40" t="s">
        <v>541</v>
      </c>
      <c r="B76" s="161">
        <v>77</v>
      </c>
      <c r="C76" s="162">
        <v>3.8994359135670016</v>
      </c>
      <c r="D76" s="81">
        <v>0.42177157918074176</v>
      </c>
      <c r="E76" s="165">
        <v>0.47110586961730805</v>
      </c>
      <c r="F76" s="89">
        <v>0.11094332879693167</v>
      </c>
      <c r="G76" s="165">
        <v>0.14193778528598247</v>
      </c>
      <c r="H76" s="89">
        <v>8.1389588036782687E-2</v>
      </c>
      <c r="I76" s="165">
        <v>0.38500636019529855</v>
      </c>
      <c r="J76" s="89">
        <v>0.10842309524722123</v>
      </c>
      <c r="K76" s="88">
        <v>1.9499849014118296E-3</v>
      </c>
      <c r="L76" s="89">
        <v>3.5722115317105001E-2</v>
      </c>
    </row>
    <row r="77" spans="1:12">
      <c r="A77" s="44" t="s">
        <v>542</v>
      </c>
      <c r="B77" s="163">
        <v>604</v>
      </c>
      <c r="C77" s="164">
        <v>3.8468160767698651</v>
      </c>
      <c r="D77" s="82">
        <v>0.15790580615228195</v>
      </c>
      <c r="E77" s="166">
        <v>0.44541910977790311</v>
      </c>
      <c r="F77" s="92">
        <v>4.0316184210857101E-2</v>
      </c>
      <c r="G77" s="166">
        <v>0.15389626093433345</v>
      </c>
      <c r="H77" s="92">
        <v>2.9444771263444001E-2</v>
      </c>
      <c r="I77" s="166">
        <v>0.39574547087092804</v>
      </c>
      <c r="J77" s="92">
        <v>3.9675786063723843E-2</v>
      </c>
      <c r="K77" s="91">
        <v>4.9391584168294303E-3</v>
      </c>
      <c r="L77" s="92">
        <v>7.3130025538483464E-3</v>
      </c>
    </row>
    <row r="78" spans="1:12">
      <c r="A78" s="40" t="s">
        <v>543</v>
      </c>
      <c r="B78" s="78">
        <v>58</v>
      </c>
      <c r="C78" s="162">
        <v>3.9183729289211651</v>
      </c>
      <c r="D78" s="81">
        <v>0.54948421490659527</v>
      </c>
      <c r="E78" s="165">
        <v>0.42133249581520105</v>
      </c>
      <c r="F78" s="89">
        <v>0.12561697821513571</v>
      </c>
      <c r="G78" s="165">
        <v>0.13813405808119392</v>
      </c>
      <c r="H78" s="89">
        <v>9.3465321299207538E-2</v>
      </c>
      <c r="I78" s="165">
        <v>0.43873150086506785</v>
      </c>
      <c r="J78" s="89">
        <v>0.1261629543719559</v>
      </c>
      <c r="K78" s="88">
        <v>1.8019452385378144E-3</v>
      </c>
      <c r="L78" s="89">
        <v>4.5995495364640461E-2</v>
      </c>
    </row>
    <row r="79" spans="1:12">
      <c r="A79" s="44" t="s">
        <v>550</v>
      </c>
      <c r="B79" s="163">
        <v>108</v>
      </c>
      <c r="C79" s="164">
        <v>3.5985563426389056</v>
      </c>
      <c r="D79" s="82">
        <v>0.35994836722890367</v>
      </c>
      <c r="E79" s="166">
        <v>0.48361377639352676</v>
      </c>
      <c r="F79" s="92">
        <v>9.444392296051686E-2</v>
      </c>
      <c r="G79" s="166">
        <v>0.15884706416765837</v>
      </c>
      <c r="H79" s="92">
        <v>7.1158640989020125E-2</v>
      </c>
      <c r="I79" s="166">
        <v>0.35753915943881509</v>
      </c>
      <c r="J79" s="92">
        <v>9.0854804038923348E-2</v>
      </c>
      <c r="K79" s="91">
        <v>0</v>
      </c>
      <c r="L79" s="92">
        <v>2.5027317436669111E-2</v>
      </c>
    </row>
    <row r="80" spans="1:12">
      <c r="A80" s="52" t="s">
        <v>544</v>
      </c>
      <c r="B80" s="161">
        <v>120</v>
      </c>
      <c r="C80" s="162">
        <v>3.9440436560034371</v>
      </c>
      <c r="D80" s="81">
        <v>0.3615081242015219</v>
      </c>
      <c r="E80" s="165">
        <v>0.47573533222889736</v>
      </c>
      <c r="F80" s="89">
        <v>8.9703561740293827E-2</v>
      </c>
      <c r="G80" s="165">
        <v>8.2626398275390034E-2</v>
      </c>
      <c r="H80" s="89">
        <v>5.2932325226127973E-2</v>
      </c>
      <c r="I80" s="165">
        <v>0.44048885139096439</v>
      </c>
      <c r="J80" s="89">
        <v>8.9204951893858547E-2</v>
      </c>
      <c r="K80" s="88">
        <v>1.1494181047485585E-3</v>
      </c>
      <c r="L80" s="89">
        <v>2.3379138369976293E-2</v>
      </c>
    </row>
    <row r="81" spans="1:12">
      <c r="A81" s="44" t="s">
        <v>545</v>
      </c>
      <c r="B81" s="163">
        <v>153</v>
      </c>
      <c r="C81" s="164">
        <v>4.0268256275688321</v>
      </c>
      <c r="D81" s="82">
        <v>0.32335072275017018</v>
      </c>
      <c r="E81" s="166">
        <v>0.4009733515250421</v>
      </c>
      <c r="F81" s="92">
        <v>7.8308070439184502E-2</v>
      </c>
      <c r="G81" s="166">
        <v>0.16449723173460196</v>
      </c>
      <c r="H81" s="92">
        <v>6.0381056566007625E-2</v>
      </c>
      <c r="I81" s="166">
        <v>0.42749721594843104</v>
      </c>
      <c r="J81" s="92">
        <v>7.9007826606575945E-2</v>
      </c>
      <c r="K81" s="91">
        <v>7.0322007919254772E-3</v>
      </c>
      <c r="L81" s="92">
        <v>2.2121867322016615E-2</v>
      </c>
    </row>
    <row r="82" spans="1:12">
      <c r="A82" s="52" t="s">
        <v>546</v>
      </c>
      <c r="B82" s="161">
        <v>71</v>
      </c>
      <c r="C82" s="162">
        <v>4.1545712024124093</v>
      </c>
      <c r="D82" s="81">
        <v>0.42584340865587217</v>
      </c>
      <c r="E82" s="165">
        <v>0.33343128670000527</v>
      </c>
      <c r="F82" s="89">
        <v>0.10957747346383699</v>
      </c>
      <c r="G82" s="165">
        <v>0.22864249170140746</v>
      </c>
      <c r="H82" s="89">
        <v>9.9064972985560898E-2</v>
      </c>
      <c r="I82" s="165">
        <v>0.41617939763281003</v>
      </c>
      <c r="J82" s="89">
        <v>0.1140066782798818</v>
      </c>
      <c r="K82" s="88">
        <v>2.1746823965776953E-2</v>
      </c>
      <c r="L82" s="89">
        <v>4.9001089313367364E-2</v>
      </c>
    </row>
    <row r="83" spans="1:12">
      <c r="A83" s="44" t="s">
        <v>547</v>
      </c>
      <c r="B83" s="163">
        <v>94</v>
      </c>
      <c r="C83" s="164">
        <v>3.3157663610467214</v>
      </c>
      <c r="D83" s="82">
        <v>0.39125440563660313</v>
      </c>
      <c r="E83" s="166">
        <v>0.56344486341287014</v>
      </c>
      <c r="F83" s="92">
        <v>0.10026427024351041</v>
      </c>
      <c r="G83" s="166">
        <v>0.18383391657663098</v>
      </c>
      <c r="H83" s="92">
        <v>8.0313812173224364E-2</v>
      </c>
      <c r="I83" s="166">
        <v>0.25272122001049785</v>
      </c>
      <c r="J83" s="92">
        <v>8.8926227437142194E-2</v>
      </c>
      <c r="K83" s="91">
        <v>0</v>
      </c>
      <c r="L83" s="92">
        <v>2.8565478049949598E-2</v>
      </c>
    </row>
    <row r="84" spans="1:12">
      <c r="A84" s="52" t="s">
        <v>551</v>
      </c>
      <c r="B84" s="161">
        <v>758</v>
      </c>
      <c r="C84" s="162">
        <v>3.1770110930903059</v>
      </c>
      <c r="D84" s="81">
        <v>0.1332336912967976</v>
      </c>
      <c r="E84" s="165">
        <v>0.55766598880264373</v>
      </c>
      <c r="F84" s="89">
        <v>3.5986980299835727E-2</v>
      </c>
      <c r="G84" s="165">
        <v>0.15154323095231528</v>
      </c>
      <c r="H84" s="89">
        <v>2.6107923311018497E-2</v>
      </c>
      <c r="I84" s="165">
        <v>0.24677477652948332</v>
      </c>
      <c r="J84" s="89">
        <v>3.1293079639101246E-2</v>
      </c>
      <c r="K84" s="88">
        <v>4.4016003715558465E-2</v>
      </c>
      <c r="L84" s="89">
        <v>1.5241841777984058E-2</v>
      </c>
    </row>
    <row r="85" spans="1:12">
      <c r="A85" s="44" t="s">
        <v>552</v>
      </c>
      <c r="B85" s="163">
        <v>209</v>
      </c>
      <c r="C85" s="164">
        <v>2.8585546827991526</v>
      </c>
      <c r="D85" s="82">
        <v>0.23764513428964637</v>
      </c>
      <c r="E85" s="166">
        <v>0.62640989795501811</v>
      </c>
      <c r="F85" s="92">
        <v>6.6377080427069496E-2</v>
      </c>
      <c r="G85" s="166">
        <v>0.13973092496312917</v>
      </c>
      <c r="H85" s="92">
        <v>4.8456999911945707E-2</v>
      </c>
      <c r="I85" s="166">
        <v>0.2044497506019515</v>
      </c>
      <c r="J85" s="92">
        <v>5.5816600121498632E-2</v>
      </c>
      <c r="K85" s="91">
        <v>2.9409426479901381E-2</v>
      </c>
      <c r="L85" s="92">
        <v>2.6282677781118747E-2</v>
      </c>
    </row>
    <row r="86" spans="1:12">
      <c r="A86" s="52" t="s">
        <v>553</v>
      </c>
      <c r="B86" s="161">
        <v>271</v>
      </c>
      <c r="C86" s="162">
        <v>3.2387990360876135</v>
      </c>
      <c r="D86" s="81">
        <v>0.2196882356878381</v>
      </c>
      <c r="E86" s="165">
        <v>0.53851381956783162</v>
      </c>
      <c r="F86" s="89">
        <v>6.0128289858330623E-2</v>
      </c>
      <c r="G86" s="165">
        <v>0.1530910201728731</v>
      </c>
      <c r="H86" s="89">
        <v>4.4004903530935391E-2</v>
      </c>
      <c r="I86" s="165">
        <v>0.24591418600932169</v>
      </c>
      <c r="J86" s="89">
        <v>5.2196110996590064E-2</v>
      </c>
      <c r="K86" s="88">
        <v>6.2480974249974348E-2</v>
      </c>
      <c r="L86" s="89">
        <v>3.0535885020697588E-2</v>
      </c>
    </row>
    <row r="87" spans="1:12">
      <c r="A87" s="44" t="s">
        <v>554</v>
      </c>
      <c r="B87" s="163">
        <v>240</v>
      </c>
      <c r="C87" s="164">
        <v>3.253508762222765</v>
      </c>
      <c r="D87" s="82">
        <v>0.25162466543495232</v>
      </c>
      <c r="E87" s="166">
        <v>0.55083860489309233</v>
      </c>
      <c r="F87" s="92">
        <v>6.3697476782905993E-2</v>
      </c>
      <c r="G87" s="166">
        <v>0.14977879266383914</v>
      </c>
      <c r="H87" s="92">
        <v>4.6400539670393752E-2</v>
      </c>
      <c r="I87" s="166">
        <v>0.26173995230757613</v>
      </c>
      <c r="J87" s="92">
        <v>5.6550881571042731E-2</v>
      </c>
      <c r="K87" s="91">
        <v>3.7642650135492992E-2</v>
      </c>
      <c r="L87" s="92">
        <v>2.6604949718192338E-2</v>
      </c>
    </row>
    <row r="90" spans="1:12" ht="18.75">
      <c r="A90" s="344" t="s">
        <v>43</v>
      </c>
      <c r="B90" s="344"/>
      <c r="C90" s="344"/>
      <c r="D90" s="344"/>
    </row>
    <row r="91" spans="1:12" ht="131.25" customHeight="1">
      <c r="A91" s="367" t="s">
        <v>389</v>
      </c>
      <c r="B91" s="367"/>
      <c r="C91" s="367"/>
      <c r="D91" s="367"/>
    </row>
    <row r="92" spans="1:12" ht="39" customHeight="1">
      <c r="A92" s="410" t="s">
        <v>390</v>
      </c>
      <c r="B92" s="392"/>
      <c r="C92" s="392"/>
      <c r="D92" s="392"/>
    </row>
    <row r="93" spans="1:12" ht="72">
      <c r="A93" s="32" t="s">
        <v>71</v>
      </c>
      <c r="B93" s="33" t="s">
        <v>72</v>
      </c>
      <c r="C93" s="34" t="s">
        <v>593</v>
      </c>
      <c r="D93" s="35" t="s">
        <v>73</v>
      </c>
    </row>
    <row r="94" spans="1:12" ht="72">
      <c r="A94" s="36"/>
      <c r="B94" s="37" t="s">
        <v>74</v>
      </c>
      <c r="C94" s="38" t="s">
        <v>391</v>
      </c>
      <c r="D94" s="39" t="s">
        <v>76</v>
      </c>
    </row>
    <row r="95" spans="1:12">
      <c r="A95" s="40" t="s">
        <v>350</v>
      </c>
      <c r="B95" s="151">
        <v>11256</v>
      </c>
      <c r="C95" s="79">
        <v>3.8226257740196408</v>
      </c>
      <c r="D95" s="80">
        <v>2.5223193844769246E-2</v>
      </c>
    </row>
    <row r="96" spans="1:12">
      <c r="A96" s="44" t="s">
        <v>351</v>
      </c>
      <c r="B96" s="44">
        <v>7943</v>
      </c>
      <c r="C96" s="153">
        <v>3.7928635880880677</v>
      </c>
      <c r="D96" s="154">
        <v>3.0618100296178771E-2</v>
      </c>
    </row>
    <row r="97" spans="1:4">
      <c r="A97" s="40" t="s">
        <v>352</v>
      </c>
      <c r="B97" s="48">
        <v>3313</v>
      </c>
      <c r="C97" s="79">
        <v>3.8457865537807923</v>
      </c>
      <c r="D97" s="80">
        <v>4.4179949484180525E-2</v>
      </c>
    </row>
    <row r="98" spans="1:4">
      <c r="A98" s="44" t="s">
        <v>534</v>
      </c>
      <c r="B98" s="44">
        <v>2390</v>
      </c>
      <c r="C98" s="153">
        <v>3.758039509612018</v>
      </c>
      <c r="D98" s="154">
        <v>5.4942444546676343E-2</v>
      </c>
    </row>
    <row r="99" spans="1:4">
      <c r="A99" s="40" t="s">
        <v>535</v>
      </c>
      <c r="B99" s="48">
        <v>1769</v>
      </c>
      <c r="C99" s="79">
        <v>3.8068288154607375</v>
      </c>
      <c r="D99" s="80">
        <v>6.4371816166241685E-2</v>
      </c>
    </row>
    <row r="100" spans="1:4">
      <c r="A100" s="44" t="s">
        <v>536</v>
      </c>
      <c r="B100" s="44">
        <v>261</v>
      </c>
      <c r="C100" s="153">
        <v>3.77812005870569</v>
      </c>
      <c r="D100" s="154">
        <v>0.16703444065212039</v>
      </c>
    </row>
    <row r="101" spans="1:4">
      <c r="A101" s="40" t="s">
        <v>537</v>
      </c>
      <c r="B101" s="48">
        <v>65</v>
      </c>
      <c r="C101" s="79">
        <v>4.0636392815571334</v>
      </c>
      <c r="D101" s="80">
        <v>0.3269263021459814</v>
      </c>
    </row>
    <row r="102" spans="1:4">
      <c r="A102" s="44" t="s">
        <v>538</v>
      </c>
      <c r="B102" s="44">
        <v>46</v>
      </c>
      <c r="C102" s="153">
        <v>3.5127822466554237</v>
      </c>
      <c r="D102" s="154">
        <v>0.41447298411239403</v>
      </c>
    </row>
    <row r="103" spans="1:4">
      <c r="A103" s="40" t="s">
        <v>539</v>
      </c>
      <c r="B103" s="48">
        <v>46</v>
      </c>
      <c r="C103" s="79">
        <v>3.4886638611390568</v>
      </c>
      <c r="D103" s="80">
        <v>0.36014299062780047</v>
      </c>
    </row>
    <row r="104" spans="1:4">
      <c r="A104" s="44" t="s">
        <v>540</v>
      </c>
      <c r="B104" s="44">
        <v>48</v>
      </c>
      <c r="C104" s="153">
        <v>3.9238809658346523</v>
      </c>
      <c r="D104" s="154">
        <v>0.37773344404634918</v>
      </c>
    </row>
    <row r="105" spans="1:4">
      <c r="A105" s="40" t="s">
        <v>541</v>
      </c>
      <c r="B105" s="151">
        <v>56</v>
      </c>
      <c r="C105" s="79">
        <v>3.8577581193838713</v>
      </c>
      <c r="D105" s="80">
        <v>0.37225792079680403</v>
      </c>
    </row>
    <row r="106" spans="1:4">
      <c r="A106" s="44" t="s">
        <v>542</v>
      </c>
      <c r="B106" s="152">
        <v>418</v>
      </c>
      <c r="C106" s="153">
        <v>3.7958643838805828</v>
      </c>
      <c r="D106" s="154">
        <v>0.1351927754528485</v>
      </c>
    </row>
    <row r="107" spans="1:4">
      <c r="A107" s="40" t="s">
        <v>543</v>
      </c>
      <c r="B107" s="78">
        <v>42</v>
      </c>
      <c r="C107" s="79">
        <v>4.1783659107431372</v>
      </c>
      <c r="D107" s="80">
        <v>0.4441845107096275</v>
      </c>
    </row>
    <row r="108" spans="1:4">
      <c r="A108" s="44" t="s">
        <v>550</v>
      </c>
      <c r="B108" s="152">
        <v>83</v>
      </c>
      <c r="C108" s="153">
        <v>3.5915826357509912</v>
      </c>
      <c r="D108" s="154">
        <v>0.33884371589435625</v>
      </c>
    </row>
    <row r="109" spans="1:4">
      <c r="A109" s="52" t="s">
        <v>544</v>
      </c>
      <c r="B109" s="151">
        <v>77</v>
      </c>
      <c r="C109" s="79">
        <v>3.3170764607117587</v>
      </c>
      <c r="D109" s="80">
        <v>0.26999938244684202</v>
      </c>
    </row>
    <row r="110" spans="1:4">
      <c r="A110" s="44" t="s">
        <v>545</v>
      </c>
      <c r="B110" s="152">
        <v>110</v>
      </c>
      <c r="C110" s="153">
        <v>3.800548957141209</v>
      </c>
      <c r="D110" s="154">
        <v>0.22264352424174108</v>
      </c>
    </row>
    <row r="111" spans="1:4">
      <c r="A111" s="52" t="s">
        <v>546</v>
      </c>
      <c r="B111" s="151">
        <v>55</v>
      </c>
      <c r="C111" s="79">
        <v>4.1415030024379682</v>
      </c>
      <c r="D111" s="80">
        <v>0.40009883620608366</v>
      </c>
    </row>
    <row r="112" spans="1:4">
      <c r="A112" s="44" t="s">
        <v>547</v>
      </c>
      <c r="B112" s="152">
        <v>51</v>
      </c>
      <c r="C112" s="153">
        <v>4.4277619223303031</v>
      </c>
      <c r="D112" s="154">
        <v>0.38630911183948685</v>
      </c>
    </row>
    <row r="113" spans="1:34">
      <c r="A113" s="52" t="s">
        <v>551</v>
      </c>
      <c r="B113" s="151">
        <v>656</v>
      </c>
      <c r="C113" s="79">
        <v>3.7561350333978289</v>
      </c>
      <c r="D113" s="80">
        <v>0.10318915848323859</v>
      </c>
    </row>
    <row r="114" spans="1:34">
      <c r="A114" s="44" t="s">
        <v>552</v>
      </c>
      <c r="B114" s="152">
        <v>179</v>
      </c>
      <c r="C114" s="153">
        <v>4.0267117410836439</v>
      </c>
      <c r="D114" s="154">
        <v>0.19801649633786961</v>
      </c>
    </row>
    <row r="115" spans="1:34">
      <c r="A115" s="52" t="s">
        <v>553</v>
      </c>
      <c r="B115" s="151">
        <v>240</v>
      </c>
      <c r="C115" s="79">
        <v>3.5953340507092055</v>
      </c>
      <c r="D115" s="80">
        <v>0.17083217836463671</v>
      </c>
    </row>
    <row r="116" spans="1:34">
      <c r="A116" s="44" t="s">
        <v>554</v>
      </c>
      <c r="B116" s="152">
        <v>203</v>
      </c>
      <c r="C116" s="153">
        <v>3.7426703342901759</v>
      </c>
      <c r="D116" s="154">
        <v>0.1829926518434136</v>
      </c>
    </row>
    <row r="119" spans="1:34" ht="18.75">
      <c r="A119" s="344" t="s">
        <v>503</v>
      </c>
      <c r="B119" s="344"/>
      <c r="C119" s="344"/>
      <c r="D119" s="344"/>
      <c r="E119" s="344"/>
      <c r="F119" s="344"/>
      <c r="G119" s="344"/>
      <c r="H119" s="344"/>
      <c r="I119" s="344"/>
      <c r="J119" s="344"/>
      <c r="K119" s="344"/>
      <c r="L119" s="344"/>
      <c r="M119" s="344"/>
      <c r="N119" s="344"/>
      <c r="O119" s="344"/>
      <c r="P119" s="344"/>
      <c r="Q119" s="344"/>
      <c r="R119" s="344"/>
      <c r="S119" s="344"/>
      <c r="T119" s="344"/>
      <c r="U119" s="344"/>
      <c r="V119" s="344"/>
      <c r="W119" s="344"/>
      <c r="X119" s="344"/>
      <c r="Y119" s="344"/>
      <c r="Z119" s="344"/>
      <c r="AA119" s="344"/>
      <c r="AB119" s="344"/>
      <c r="AC119" s="344"/>
      <c r="AD119" s="344"/>
      <c r="AE119" s="344"/>
      <c r="AF119" s="344"/>
      <c r="AG119" s="344"/>
      <c r="AH119" s="344"/>
    </row>
    <row r="120" spans="1:34" ht="75.75" customHeight="1">
      <c r="A120" s="411" t="s">
        <v>599</v>
      </c>
      <c r="B120" s="411"/>
      <c r="C120" s="411"/>
      <c r="D120" s="411"/>
      <c r="E120" s="411"/>
      <c r="F120" s="411"/>
      <c r="G120" s="411"/>
      <c r="H120" s="411"/>
      <c r="I120" s="411"/>
      <c r="J120" s="411"/>
      <c r="K120" s="411"/>
      <c r="L120" s="411"/>
      <c r="M120" s="411"/>
      <c r="N120" s="411"/>
      <c r="O120" s="411"/>
      <c r="P120" s="411"/>
      <c r="Q120" s="411"/>
      <c r="R120" s="411"/>
      <c r="S120" s="411"/>
      <c r="T120" s="411"/>
      <c r="U120" s="411"/>
      <c r="V120" s="411"/>
      <c r="W120" s="411"/>
      <c r="X120" s="411"/>
      <c r="Y120" s="411"/>
      <c r="Z120" s="411"/>
      <c r="AA120" s="411"/>
      <c r="AB120" s="411"/>
      <c r="AC120" s="411"/>
      <c r="AD120" s="411"/>
      <c r="AE120" s="411"/>
      <c r="AF120" s="411"/>
      <c r="AG120" s="411"/>
      <c r="AH120" s="411"/>
    </row>
    <row r="121" spans="1:34" ht="42" customHeight="1">
      <c r="A121" s="310"/>
      <c r="B121" s="396" t="s">
        <v>392</v>
      </c>
      <c r="C121" s="397"/>
      <c r="D121" s="397"/>
      <c r="E121" s="397"/>
      <c r="F121" s="397"/>
      <c r="G121" s="397"/>
      <c r="H121" s="397"/>
      <c r="I121" s="397"/>
      <c r="J121" s="397"/>
      <c r="K121" s="397"/>
      <c r="L121" s="397"/>
      <c r="M121" s="396" t="s">
        <v>393</v>
      </c>
      <c r="N121" s="397"/>
      <c r="O121" s="397"/>
      <c r="P121" s="397"/>
      <c r="Q121" s="397"/>
      <c r="R121" s="397"/>
      <c r="S121" s="397"/>
      <c r="T121" s="397"/>
      <c r="U121" s="397"/>
      <c r="V121" s="397"/>
      <c r="W121" s="397"/>
      <c r="X121" s="396" t="s">
        <v>269</v>
      </c>
      <c r="Y121" s="397"/>
      <c r="Z121" s="397"/>
      <c r="AA121" s="397"/>
      <c r="AB121" s="397"/>
      <c r="AC121" s="397"/>
      <c r="AD121" s="397"/>
      <c r="AE121" s="397"/>
      <c r="AF121" s="397"/>
      <c r="AG121" s="397"/>
      <c r="AH121" s="397"/>
    </row>
    <row r="122" spans="1:34" ht="72">
      <c r="A122" s="32" t="s">
        <v>71</v>
      </c>
      <c r="B122" s="33" t="s">
        <v>72</v>
      </c>
      <c r="C122" s="34" t="s">
        <v>593</v>
      </c>
      <c r="D122" s="35" t="s">
        <v>73</v>
      </c>
      <c r="E122" s="33" t="s">
        <v>158</v>
      </c>
      <c r="F122" s="35" t="s">
        <v>87</v>
      </c>
      <c r="G122" s="33" t="s">
        <v>157</v>
      </c>
      <c r="H122" s="35" t="s">
        <v>86</v>
      </c>
      <c r="I122" s="33" t="s">
        <v>156</v>
      </c>
      <c r="J122" s="35" t="s">
        <v>85</v>
      </c>
      <c r="K122" s="33" t="s">
        <v>301</v>
      </c>
      <c r="L122" s="84" t="s">
        <v>315</v>
      </c>
      <c r="M122" s="60" t="s">
        <v>72</v>
      </c>
      <c r="N122" s="61" t="s">
        <v>593</v>
      </c>
      <c r="O122" s="62" t="s">
        <v>73</v>
      </c>
      <c r="P122" s="60" t="s">
        <v>158</v>
      </c>
      <c r="Q122" s="62" t="s">
        <v>87</v>
      </c>
      <c r="R122" s="60" t="s">
        <v>157</v>
      </c>
      <c r="S122" s="62" t="s">
        <v>86</v>
      </c>
      <c r="T122" s="60" t="s">
        <v>156</v>
      </c>
      <c r="U122" s="62" t="s">
        <v>85</v>
      </c>
      <c r="V122" s="60" t="s">
        <v>301</v>
      </c>
      <c r="W122" s="83" t="s">
        <v>315</v>
      </c>
      <c r="X122" s="33" t="s">
        <v>72</v>
      </c>
      <c r="Y122" s="34" t="s">
        <v>593</v>
      </c>
      <c r="Z122" s="35" t="s">
        <v>73</v>
      </c>
      <c r="AA122" s="33" t="s">
        <v>346</v>
      </c>
      <c r="AB122" s="35" t="s">
        <v>347</v>
      </c>
      <c r="AC122" s="33" t="s">
        <v>343</v>
      </c>
      <c r="AD122" s="35" t="s">
        <v>345</v>
      </c>
      <c r="AE122" s="33" t="s">
        <v>348</v>
      </c>
      <c r="AF122" s="35" t="s">
        <v>349</v>
      </c>
      <c r="AG122" s="33" t="s">
        <v>301</v>
      </c>
      <c r="AH122" s="84" t="s">
        <v>315</v>
      </c>
    </row>
    <row r="123" spans="1:34" ht="84">
      <c r="A123" s="36"/>
      <c r="B123" s="37" t="s">
        <v>74</v>
      </c>
      <c r="C123" s="123" t="s">
        <v>578</v>
      </c>
      <c r="D123" s="39" t="s">
        <v>76</v>
      </c>
      <c r="E123" s="37" t="s">
        <v>161</v>
      </c>
      <c r="F123" s="39" t="s">
        <v>128</v>
      </c>
      <c r="G123" s="37" t="s">
        <v>160</v>
      </c>
      <c r="H123" s="39" t="s">
        <v>127</v>
      </c>
      <c r="I123" s="37" t="s">
        <v>159</v>
      </c>
      <c r="J123" s="39" t="s">
        <v>126</v>
      </c>
      <c r="K123" s="37" t="s">
        <v>301</v>
      </c>
      <c r="L123" s="86" t="s">
        <v>88</v>
      </c>
      <c r="M123" s="63" t="s">
        <v>74</v>
      </c>
      <c r="N123" s="254" t="s">
        <v>578</v>
      </c>
      <c r="O123" s="65" t="s">
        <v>76</v>
      </c>
      <c r="P123" s="63" t="s">
        <v>161</v>
      </c>
      <c r="Q123" s="65" t="s">
        <v>128</v>
      </c>
      <c r="R123" s="63" t="s">
        <v>160</v>
      </c>
      <c r="S123" s="65" t="s">
        <v>127</v>
      </c>
      <c r="T123" s="63" t="s">
        <v>159</v>
      </c>
      <c r="U123" s="65" t="s">
        <v>126</v>
      </c>
      <c r="V123" s="63" t="s">
        <v>301</v>
      </c>
      <c r="W123" s="85" t="s">
        <v>88</v>
      </c>
      <c r="X123" s="37" t="s">
        <v>74</v>
      </c>
      <c r="Y123" s="123" t="s">
        <v>577</v>
      </c>
      <c r="Z123" s="39" t="s">
        <v>76</v>
      </c>
      <c r="AA123" s="37" t="s">
        <v>342</v>
      </c>
      <c r="AB123" s="39" t="s">
        <v>88</v>
      </c>
      <c r="AC123" s="37" t="s">
        <v>344</v>
      </c>
      <c r="AD123" s="39" t="s">
        <v>88</v>
      </c>
      <c r="AE123" s="37" t="s">
        <v>159</v>
      </c>
      <c r="AF123" s="39" t="s">
        <v>88</v>
      </c>
      <c r="AG123" s="37" t="s">
        <v>301</v>
      </c>
      <c r="AH123" s="86" t="s">
        <v>88</v>
      </c>
    </row>
    <row r="124" spans="1:34">
      <c r="A124" s="40" t="s">
        <v>350</v>
      </c>
      <c r="B124" s="167">
        <v>12544</v>
      </c>
      <c r="C124" s="162">
        <v>3.2020242938552061</v>
      </c>
      <c r="D124" s="81">
        <v>3.153995798480589E-2</v>
      </c>
      <c r="E124" s="170">
        <v>0.54132231395590125</v>
      </c>
      <c r="F124" s="89">
        <v>8.8966286615720213E-3</v>
      </c>
      <c r="G124" s="169">
        <v>0.18931842611000591</v>
      </c>
      <c r="H124" s="89">
        <v>6.99602529067041E-3</v>
      </c>
      <c r="I124" s="169">
        <v>0.18067742109804744</v>
      </c>
      <c r="J124" s="89">
        <v>6.8709607644124732E-3</v>
      </c>
      <c r="K124" s="88">
        <v>8.8681838836064675E-2</v>
      </c>
      <c r="L124" s="89">
        <v>5.0790755597446618E-3</v>
      </c>
      <c r="M124" s="167">
        <v>13868</v>
      </c>
      <c r="N124" s="162">
        <v>4.2251086056961293</v>
      </c>
      <c r="O124" s="81">
        <v>3.4600329527097004E-2</v>
      </c>
      <c r="P124" s="170">
        <v>0.3086532060730165</v>
      </c>
      <c r="Q124" s="89">
        <v>7.8445007978317771E-3</v>
      </c>
      <c r="R124" s="169">
        <v>0.17006063879593769</v>
      </c>
      <c r="S124" s="89">
        <v>6.3809022605139723E-3</v>
      </c>
      <c r="T124" s="169">
        <v>0.38657136831239003</v>
      </c>
      <c r="U124" s="89">
        <v>8.2692117420913973E-3</v>
      </c>
      <c r="V124" s="88">
        <v>0.13471478681867408</v>
      </c>
      <c r="W124" s="89">
        <v>5.7995061308474616E-3</v>
      </c>
      <c r="X124" s="167">
        <v>12646</v>
      </c>
      <c r="Y124" s="162">
        <v>4.0793748706653501</v>
      </c>
      <c r="Z124" s="81">
        <v>3.006042364766669E-2</v>
      </c>
      <c r="AA124" s="170">
        <v>0.32015440915641791</v>
      </c>
      <c r="AB124" s="89">
        <v>8.2964064833803784E-3</v>
      </c>
      <c r="AC124" s="169">
        <v>0.21623776700014877</v>
      </c>
      <c r="AD124" s="89">
        <v>7.3216320227927588E-3</v>
      </c>
      <c r="AE124" s="169">
        <v>0.34397079789181911</v>
      </c>
      <c r="AF124" s="89">
        <v>8.4473778100156386E-3</v>
      </c>
      <c r="AG124" s="88">
        <v>0.11963702595163563</v>
      </c>
      <c r="AH124" s="89">
        <v>5.7734704206014557E-3</v>
      </c>
    </row>
    <row r="125" spans="1:34">
      <c r="A125" s="44" t="s">
        <v>351</v>
      </c>
      <c r="B125" s="168">
        <v>8843</v>
      </c>
      <c r="C125" s="164">
        <v>3.2124908083789454</v>
      </c>
      <c r="D125" s="82">
        <v>3.8363003004730611E-2</v>
      </c>
      <c r="E125" s="172">
        <v>0.53095192952762793</v>
      </c>
      <c r="F125" s="92">
        <v>1.0611310330756832E-2</v>
      </c>
      <c r="G125" s="171">
        <v>0.1800685870428696</v>
      </c>
      <c r="H125" s="92">
        <v>8.1728923267226986E-3</v>
      </c>
      <c r="I125" s="171">
        <v>0.19505282949331718</v>
      </c>
      <c r="J125" s="92">
        <v>8.4276800677694375E-3</v>
      </c>
      <c r="K125" s="91">
        <v>9.392665393618771E-2</v>
      </c>
      <c r="L125" s="92">
        <v>6.2085205488478408E-3</v>
      </c>
      <c r="M125" s="168">
        <v>10167</v>
      </c>
      <c r="N125" s="164">
        <v>4.2642339328417718</v>
      </c>
      <c r="O125" s="82">
        <v>4.1164911193939904E-2</v>
      </c>
      <c r="P125" s="172">
        <v>0.3051613242877792</v>
      </c>
      <c r="Q125" s="92">
        <v>9.132411585747565E-3</v>
      </c>
      <c r="R125" s="171">
        <v>0.1551825020099766</v>
      </c>
      <c r="S125" s="92">
        <v>7.1829990453528506E-3</v>
      </c>
      <c r="T125" s="171">
        <v>0.39409960450788062</v>
      </c>
      <c r="U125" s="92">
        <v>9.6908039136822926E-3</v>
      </c>
      <c r="V125" s="91">
        <v>0.14555656919436291</v>
      </c>
      <c r="W125" s="92">
        <v>6.9964568000390956E-3</v>
      </c>
      <c r="X125" s="168">
        <v>8860</v>
      </c>
      <c r="Y125" s="164">
        <v>3.9392030712344388</v>
      </c>
      <c r="Z125" s="82">
        <v>3.5301255594685318E-2</v>
      </c>
      <c r="AA125" s="172">
        <v>0.33611635361931547</v>
      </c>
      <c r="AB125" s="92">
        <v>1.0035280384670728E-2</v>
      </c>
      <c r="AC125" s="171">
        <v>0.22551111145911626</v>
      </c>
      <c r="AD125" s="92">
        <v>8.8795549367867554E-3</v>
      </c>
      <c r="AE125" s="171">
        <v>0.30451770882129348</v>
      </c>
      <c r="AF125" s="92">
        <v>9.7768688052502807E-3</v>
      </c>
      <c r="AG125" s="91">
        <v>0.1338548261002768</v>
      </c>
      <c r="AH125" s="92">
        <v>7.2369227002307725E-3</v>
      </c>
    </row>
    <row r="126" spans="1:34">
      <c r="A126" s="40" t="s">
        <v>352</v>
      </c>
      <c r="B126" s="167">
        <v>3701</v>
      </c>
      <c r="C126" s="162">
        <v>3.1938173255393223</v>
      </c>
      <c r="D126" s="81">
        <v>5.4962690047433468E-2</v>
      </c>
      <c r="E126" s="170">
        <v>0.54953826598148137</v>
      </c>
      <c r="F126" s="89">
        <v>1.634814408660501E-2</v>
      </c>
      <c r="G126" s="169">
        <v>0.19664662445651993</v>
      </c>
      <c r="H126" s="89">
        <v>1.3067883512336344E-2</v>
      </c>
      <c r="I126" s="169">
        <v>0.16928848305618316</v>
      </c>
      <c r="J126" s="89">
        <v>1.2332151755394649E-2</v>
      </c>
      <c r="K126" s="88">
        <v>8.4526626505818131E-2</v>
      </c>
      <c r="L126" s="89">
        <v>9.1621706207656636E-3</v>
      </c>
      <c r="M126" s="167">
        <v>3701</v>
      </c>
      <c r="N126" s="162">
        <v>4.1940876797281677</v>
      </c>
      <c r="O126" s="81">
        <v>6.3343293074124188E-2</v>
      </c>
      <c r="P126" s="170">
        <v>0.31148540377649131</v>
      </c>
      <c r="Q126" s="89">
        <v>1.5219099452797338E-2</v>
      </c>
      <c r="R126" s="169">
        <v>0.18212800746102167</v>
      </c>
      <c r="S126" s="89">
        <v>1.2690670667667259E-2</v>
      </c>
      <c r="T126" s="169">
        <v>0.3804653617017546</v>
      </c>
      <c r="U126" s="89">
        <v>1.5953451384760974E-2</v>
      </c>
      <c r="V126" s="88">
        <v>0.12592122706073255</v>
      </c>
      <c r="W126" s="89">
        <v>1.0915801530190013E-2</v>
      </c>
      <c r="X126" s="167">
        <v>3786</v>
      </c>
      <c r="Y126" s="162">
        <v>4.1849847042447967</v>
      </c>
      <c r="Z126" s="81">
        <v>5.6530235627231418E-2</v>
      </c>
      <c r="AA126" s="170">
        <v>0.30777769801184185</v>
      </c>
      <c r="AB126" s="89">
        <v>1.4997925589034594E-2</v>
      </c>
      <c r="AC126" s="169">
        <v>0.20904732062442041</v>
      </c>
      <c r="AD126" s="89">
        <v>1.3217288275458684E-2</v>
      </c>
      <c r="AE126" s="169">
        <v>0.37456227678848397</v>
      </c>
      <c r="AF126" s="89">
        <v>1.5725165049146072E-2</v>
      </c>
      <c r="AG126" s="88">
        <v>0.1086127045752539</v>
      </c>
      <c r="AH126" s="89">
        <v>1.0125292030321332E-2</v>
      </c>
    </row>
    <row r="127" spans="1:34">
      <c r="A127" s="44" t="s">
        <v>534</v>
      </c>
      <c r="B127" s="168">
        <v>2702</v>
      </c>
      <c r="C127" s="164">
        <v>3.1204499619609094</v>
      </c>
      <c r="D127" s="82">
        <v>6.8726050816834583E-2</v>
      </c>
      <c r="E127" s="172">
        <v>0.56980521660478611</v>
      </c>
      <c r="F127" s="92">
        <v>1.9035953336982058E-2</v>
      </c>
      <c r="G127" s="171">
        <v>0.17520492474265176</v>
      </c>
      <c r="H127" s="92">
        <v>1.4631204387297874E-2</v>
      </c>
      <c r="I127" s="171">
        <v>0.16936517306966015</v>
      </c>
      <c r="J127" s="92">
        <v>1.4437139193696009E-2</v>
      </c>
      <c r="K127" s="91">
        <v>8.5624685582895169E-2</v>
      </c>
      <c r="L127" s="92">
        <v>1.0792702136302826E-2</v>
      </c>
      <c r="M127" s="168">
        <v>3195</v>
      </c>
      <c r="N127" s="164">
        <v>4.1720805502610094</v>
      </c>
      <c r="O127" s="82">
        <v>7.365008359045383E-2</v>
      </c>
      <c r="P127" s="172">
        <v>0.3153992340610447</v>
      </c>
      <c r="Q127" s="92">
        <v>1.6434538618738382E-2</v>
      </c>
      <c r="R127" s="171">
        <v>0.16215503894945588</v>
      </c>
      <c r="S127" s="92">
        <v>1.3047442279026622E-2</v>
      </c>
      <c r="T127" s="171">
        <v>0.37970749305058804</v>
      </c>
      <c r="U127" s="92">
        <v>1.7162441351781389E-2</v>
      </c>
      <c r="V127" s="91">
        <v>0.14273823393890686</v>
      </c>
      <c r="W127" s="92">
        <v>1.2385544550702676E-2</v>
      </c>
      <c r="X127" s="168">
        <v>2715</v>
      </c>
      <c r="Y127" s="164">
        <v>4.043524082790463</v>
      </c>
      <c r="Z127" s="82">
        <v>6.4233495195140003E-2</v>
      </c>
      <c r="AA127" s="172">
        <v>0.33984576221862584</v>
      </c>
      <c r="AB127" s="92">
        <v>1.817029620431081E-2</v>
      </c>
      <c r="AC127" s="171">
        <v>0.19522393344912481</v>
      </c>
      <c r="AD127" s="92">
        <v>1.5216212972627496E-2</v>
      </c>
      <c r="AE127" s="171">
        <v>0.33361766750777599</v>
      </c>
      <c r="AF127" s="92">
        <v>1.8088024330727953E-2</v>
      </c>
      <c r="AG127" s="91">
        <v>0.13131263682446792</v>
      </c>
      <c r="AH127" s="92">
        <v>1.2976867205022431E-2</v>
      </c>
    </row>
    <row r="128" spans="1:34">
      <c r="A128" s="40" t="s">
        <v>535</v>
      </c>
      <c r="B128" s="167">
        <v>2018</v>
      </c>
      <c r="C128" s="162">
        <v>3.1478352280841482</v>
      </c>
      <c r="D128" s="81">
        <v>8.109927988602729E-2</v>
      </c>
      <c r="E128" s="170">
        <v>0.53497704288457981</v>
      </c>
      <c r="F128" s="89">
        <v>2.2184436940381202E-2</v>
      </c>
      <c r="G128" s="169">
        <v>0.17093657366189444</v>
      </c>
      <c r="H128" s="89">
        <v>1.6768939779522617E-2</v>
      </c>
      <c r="I128" s="169">
        <v>0.17852645304051165</v>
      </c>
      <c r="J128" s="89">
        <v>1.7056561367948898E-2</v>
      </c>
      <c r="K128" s="88">
        <v>0.11555993041301459</v>
      </c>
      <c r="L128" s="89">
        <v>1.4259846511717279E-2</v>
      </c>
      <c r="M128" s="167">
        <v>2510</v>
      </c>
      <c r="N128" s="162">
        <v>4.3150698332669517</v>
      </c>
      <c r="O128" s="81">
        <v>8.4244854744390862E-2</v>
      </c>
      <c r="P128" s="170">
        <v>0.29651654925275023</v>
      </c>
      <c r="Q128" s="89">
        <v>1.8223667383194662E-2</v>
      </c>
      <c r="R128" s="169">
        <v>0.132742891746681</v>
      </c>
      <c r="S128" s="89">
        <v>1.3559209286385569E-2</v>
      </c>
      <c r="T128" s="169">
        <v>0.38636977451963866</v>
      </c>
      <c r="U128" s="89">
        <v>1.9424055116013535E-2</v>
      </c>
      <c r="V128" s="88">
        <v>0.18437078448093355</v>
      </c>
      <c r="W128" s="89">
        <v>1.5484483500247465E-2</v>
      </c>
      <c r="X128" s="167">
        <v>2018</v>
      </c>
      <c r="Y128" s="162">
        <v>4.0281600485969653</v>
      </c>
      <c r="Z128" s="81">
        <v>7.2449440179239405E-2</v>
      </c>
      <c r="AA128" s="170">
        <v>0.30974796793449016</v>
      </c>
      <c r="AB128" s="89">
        <v>2.0572769240481032E-2</v>
      </c>
      <c r="AC128" s="169">
        <v>0.21257269414649851</v>
      </c>
      <c r="AD128" s="89">
        <v>1.8214682118389596E-2</v>
      </c>
      <c r="AE128" s="169">
        <v>0.29527595201084328</v>
      </c>
      <c r="AF128" s="89">
        <v>2.0297184898738042E-2</v>
      </c>
      <c r="AG128" s="88">
        <v>0.18240338590816985</v>
      </c>
      <c r="AH128" s="89">
        <v>1.7199077364095816E-2</v>
      </c>
    </row>
    <row r="129" spans="1:34">
      <c r="A129" s="44" t="s">
        <v>536</v>
      </c>
      <c r="B129" s="168">
        <v>292</v>
      </c>
      <c r="C129" s="164">
        <v>3.2834267676957229</v>
      </c>
      <c r="D129" s="82">
        <v>0.20710335583572551</v>
      </c>
      <c r="E129" s="172">
        <v>0.47866877298086252</v>
      </c>
      <c r="F129" s="92">
        <v>5.8072321351780351E-2</v>
      </c>
      <c r="G129" s="171">
        <v>0.19707974219455135</v>
      </c>
      <c r="H129" s="92">
        <v>4.6601035103052933E-2</v>
      </c>
      <c r="I129" s="171">
        <v>0.22007288356947816</v>
      </c>
      <c r="J129" s="92">
        <v>4.8455094268121876E-2</v>
      </c>
      <c r="K129" s="91">
        <v>0.10417860125510885</v>
      </c>
      <c r="L129" s="92">
        <v>3.6304131486267766E-2</v>
      </c>
      <c r="M129" s="168">
        <v>368</v>
      </c>
      <c r="N129" s="164">
        <v>4.1441555988304453</v>
      </c>
      <c r="O129" s="82">
        <v>0.22078513587968601</v>
      </c>
      <c r="P129" s="172">
        <v>0.3287629260911224</v>
      </c>
      <c r="Q129" s="92">
        <v>4.8781392742406365E-2</v>
      </c>
      <c r="R129" s="171">
        <v>0.14231088613560247</v>
      </c>
      <c r="S129" s="92">
        <v>3.663172362475639E-2</v>
      </c>
      <c r="T129" s="171">
        <v>0.365316814260918</v>
      </c>
      <c r="U129" s="92">
        <v>4.9972943244202053E-2</v>
      </c>
      <c r="V129" s="91">
        <v>0.16360937351235752</v>
      </c>
      <c r="W129" s="92">
        <v>3.8696750774306975E-2</v>
      </c>
      <c r="X129" s="168">
        <v>292</v>
      </c>
      <c r="Y129" s="164">
        <v>3.8372124462379142</v>
      </c>
      <c r="Z129" s="82">
        <v>0.18487724311591364</v>
      </c>
      <c r="AA129" s="172">
        <v>0.36879638571292761</v>
      </c>
      <c r="AB129" s="92">
        <v>5.6142641901009385E-2</v>
      </c>
      <c r="AC129" s="171">
        <v>0.21842303911835628</v>
      </c>
      <c r="AD129" s="92">
        <v>4.8329218682447918E-2</v>
      </c>
      <c r="AE129" s="171">
        <v>0.26118978341578553</v>
      </c>
      <c r="AF129" s="92">
        <v>5.126779530842316E-2</v>
      </c>
      <c r="AG129" s="91">
        <v>0.15159079175293214</v>
      </c>
      <c r="AH129" s="92">
        <v>4.2214004225041721E-2</v>
      </c>
    </row>
    <row r="130" spans="1:34">
      <c r="A130" s="40" t="s">
        <v>537</v>
      </c>
      <c r="B130" s="167">
        <v>72</v>
      </c>
      <c r="C130" s="162">
        <v>3.3959955801897079</v>
      </c>
      <c r="D130" s="81">
        <v>0.45776802258349153</v>
      </c>
      <c r="E130" s="170">
        <v>0.4197107721301937</v>
      </c>
      <c r="F130" s="89">
        <v>0.11337277756358494</v>
      </c>
      <c r="G130" s="169">
        <v>0.21838963419534554</v>
      </c>
      <c r="H130" s="89">
        <v>9.7014310794612688E-2</v>
      </c>
      <c r="I130" s="169">
        <v>0.23167455456161487</v>
      </c>
      <c r="J130" s="89">
        <v>9.8776943707062928E-2</v>
      </c>
      <c r="K130" s="88">
        <v>0.13022503911284583</v>
      </c>
      <c r="L130" s="89">
        <v>8.1847328145638262E-2</v>
      </c>
      <c r="M130" s="167">
        <v>86</v>
      </c>
      <c r="N130" s="162">
        <v>4.332256138974568</v>
      </c>
      <c r="O130" s="81">
        <v>0.41008123428296017</v>
      </c>
      <c r="P130" s="170">
        <v>0.27553408429536297</v>
      </c>
      <c r="Q130" s="89">
        <v>9.5217689497607824E-2</v>
      </c>
      <c r="R130" s="169">
        <v>0.20966482177466703</v>
      </c>
      <c r="S130" s="89">
        <v>8.7694373933526498E-2</v>
      </c>
      <c r="T130" s="169">
        <v>0.36969093688376281</v>
      </c>
      <c r="U130" s="89">
        <v>0.10208827986736349</v>
      </c>
      <c r="V130" s="88">
        <v>0.14511015704620772</v>
      </c>
      <c r="W130" s="89">
        <v>7.7459577051312178E-2</v>
      </c>
      <c r="X130" s="167">
        <v>72</v>
      </c>
      <c r="Y130" s="162">
        <v>4.2990738341084924</v>
      </c>
      <c r="Z130" s="81">
        <v>0.39720957567497678</v>
      </c>
      <c r="AA130" s="170">
        <v>0.29973138844878766</v>
      </c>
      <c r="AB130" s="89">
        <v>0.10612882587330016</v>
      </c>
      <c r="AC130" s="169">
        <v>0.13457134593625933</v>
      </c>
      <c r="AD130" s="89">
        <v>8.2764290985456027E-2</v>
      </c>
      <c r="AE130" s="169">
        <v>0.35100339305637446</v>
      </c>
      <c r="AF130" s="89">
        <v>0.11004194325706346</v>
      </c>
      <c r="AG130" s="88">
        <v>0.21469387255857841</v>
      </c>
      <c r="AH130" s="89">
        <v>9.6502879023533383E-2</v>
      </c>
    </row>
    <row r="131" spans="1:34">
      <c r="A131" s="44" t="s">
        <v>538</v>
      </c>
      <c r="B131" s="168">
        <v>50</v>
      </c>
      <c r="C131" s="164">
        <v>3.0676211296973941</v>
      </c>
      <c r="D131" s="82">
        <v>0.47773281344470986</v>
      </c>
      <c r="E131" s="172">
        <v>0.61867693482301078</v>
      </c>
      <c r="F131" s="92">
        <v>0.13275570876974405</v>
      </c>
      <c r="G131" s="171">
        <v>7.4415665998134636E-2</v>
      </c>
      <c r="H131" s="92">
        <v>8.3762033500395128E-2</v>
      </c>
      <c r="I131" s="171">
        <v>0.23579914484508324</v>
      </c>
      <c r="J131" s="92">
        <v>0.11868288182167427</v>
      </c>
      <c r="K131" s="91">
        <v>7.1108254333770979E-2</v>
      </c>
      <c r="L131" s="92">
        <v>8.2683747185783363E-2</v>
      </c>
      <c r="M131" s="168">
        <v>64</v>
      </c>
      <c r="N131" s="164">
        <v>3.6084364580884154</v>
      </c>
      <c r="O131" s="82">
        <v>0.57011416645906865</v>
      </c>
      <c r="P131" s="172">
        <v>0.4198296735123167</v>
      </c>
      <c r="Q131" s="92">
        <v>0.11987901493210114</v>
      </c>
      <c r="R131" s="171">
        <v>0.1334657992667318</v>
      </c>
      <c r="S131" s="92">
        <v>8.7780936282029751E-2</v>
      </c>
      <c r="T131" s="171">
        <v>0.27790987242073195</v>
      </c>
      <c r="U131" s="92">
        <v>0.11016248168558578</v>
      </c>
      <c r="V131" s="91">
        <v>0.16879465480021894</v>
      </c>
      <c r="W131" s="92">
        <v>9.4815291681595304E-2</v>
      </c>
      <c r="X131" s="168">
        <v>50</v>
      </c>
      <c r="Y131" s="164">
        <v>3.7398639374816405</v>
      </c>
      <c r="Z131" s="82">
        <v>0.49187982200357228</v>
      </c>
      <c r="AA131" s="172">
        <v>0.41657959888913787</v>
      </c>
      <c r="AB131" s="92">
        <v>0.13444916720688166</v>
      </c>
      <c r="AC131" s="171">
        <v>0.16299403046526753</v>
      </c>
      <c r="AD131" s="92">
        <v>0.10632913193115673</v>
      </c>
      <c r="AE131" s="171">
        <v>0.32791887351348109</v>
      </c>
      <c r="AF131" s="92">
        <v>0.12898824422597349</v>
      </c>
      <c r="AG131" s="91">
        <v>9.2507497132113189E-2</v>
      </c>
      <c r="AH131" s="92">
        <v>8.9293012854571821E-2</v>
      </c>
    </row>
    <row r="132" spans="1:34">
      <c r="A132" s="40" t="s">
        <v>539</v>
      </c>
      <c r="B132" s="167">
        <v>58</v>
      </c>
      <c r="C132" s="162">
        <v>3.3182372972180585</v>
      </c>
      <c r="D132" s="81">
        <v>0.48440005269208958</v>
      </c>
      <c r="E132" s="170">
        <v>0.39622505141241532</v>
      </c>
      <c r="F132" s="89">
        <v>0.12458330915348394</v>
      </c>
      <c r="G132" s="169">
        <v>0.27796171399711239</v>
      </c>
      <c r="H132" s="89">
        <v>0.11552271439379354</v>
      </c>
      <c r="I132" s="169">
        <v>0.16051547348139983</v>
      </c>
      <c r="J132" s="89">
        <v>9.8091952700438079E-2</v>
      </c>
      <c r="K132" s="88">
        <v>0.16529776110907204</v>
      </c>
      <c r="L132" s="89">
        <v>9.9015488649799949E-2</v>
      </c>
      <c r="M132" s="167">
        <v>64</v>
      </c>
      <c r="N132" s="162">
        <v>4.0000781874664657</v>
      </c>
      <c r="O132" s="81">
        <v>0.47415170568078735</v>
      </c>
      <c r="P132" s="170">
        <v>0.29223166908366627</v>
      </c>
      <c r="Q132" s="89">
        <v>0.11160895548224026</v>
      </c>
      <c r="R132" s="169">
        <v>0.1690068569838219</v>
      </c>
      <c r="S132" s="89">
        <v>9.485389587215759E-2</v>
      </c>
      <c r="T132" s="169">
        <v>0.32049214464711467</v>
      </c>
      <c r="U132" s="89">
        <v>0.11413520897743663</v>
      </c>
      <c r="V132" s="88">
        <v>0.21826932928539702</v>
      </c>
      <c r="W132" s="89">
        <v>0.10281081639095567</v>
      </c>
      <c r="X132" s="167">
        <v>57</v>
      </c>
      <c r="Y132" s="162">
        <v>3.3616557552119608</v>
      </c>
      <c r="Z132" s="81">
        <v>0.35222934753386054</v>
      </c>
      <c r="AA132" s="170">
        <v>0.54142985558295609</v>
      </c>
      <c r="AB132" s="89">
        <v>0.12765252336487484</v>
      </c>
      <c r="AC132" s="169">
        <v>0.25106775602956943</v>
      </c>
      <c r="AD132" s="89">
        <v>0.11333777681829463</v>
      </c>
      <c r="AE132" s="169">
        <v>0.14654703783623751</v>
      </c>
      <c r="AF132" s="89">
        <v>9.6127630189318983E-2</v>
      </c>
      <c r="AG132" s="88">
        <v>6.0955350551236659E-2</v>
      </c>
      <c r="AH132" s="89">
        <v>7.3190059897926527E-2</v>
      </c>
    </row>
    <row r="133" spans="1:34">
      <c r="A133" s="44" t="s">
        <v>540</v>
      </c>
      <c r="B133" s="168">
        <v>55</v>
      </c>
      <c r="C133" s="164">
        <v>3.4507692698318344</v>
      </c>
      <c r="D133" s="82">
        <v>0.43833016475407366</v>
      </c>
      <c r="E133" s="172">
        <v>0.41695377869339995</v>
      </c>
      <c r="F133" s="92">
        <v>0.12861893994000231</v>
      </c>
      <c r="G133" s="171">
        <v>0.17334824932226059</v>
      </c>
      <c r="H133" s="92">
        <v>0.10326079393706068</v>
      </c>
      <c r="I133" s="171">
        <v>0.27893598584737017</v>
      </c>
      <c r="J133" s="92">
        <v>0.11861700947093476</v>
      </c>
      <c r="K133" s="91">
        <v>0.13076198613696896</v>
      </c>
      <c r="L133" s="92">
        <v>9.4428869263585374E-2</v>
      </c>
      <c r="M133" s="168">
        <v>77</v>
      </c>
      <c r="N133" s="164">
        <v>4.4283839712977509</v>
      </c>
      <c r="O133" s="82">
        <v>0.4828609887568851</v>
      </c>
      <c r="P133" s="172">
        <v>0.28183953902540293</v>
      </c>
      <c r="Q133" s="92">
        <v>0.10110270752152357</v>
      </c>
      <c r="R133" s="171">
        <v>0.1089807475499087</v>
      </c>
      <c r="S133" s="92">
        <v>7.4313958231798941E-2</v>
      </c>
      <c r="T133" s="171">
        <v>0.41117469178879901</v>
      </c>
      <c r="U133" s="92">
        <v>0.10951522284090374</v>
      </c>
      <c r="V133" s="91">
        <v>0.19800502163588857</v>
      </c>
      <c r="W133" s="92">
        <v>9.0971201106524097E-2</v>
      </c>
      <c r="X133" s="168">
        <v>55</v>
      </c>
      <c r="Y133" s="164">
        <v>3.8588811120751321</v>
      </c>
      <c r="Z133" s="82">
        <v>0.42452843278619445</v>
      </c>
      <c r="AA133" s="172">
        <v>0.3040471118185844</v>
      </c>
      <c r="AB133" s="92">
        <v>0.12118970177240936</v>
      </c>
      <c r="AC133" s="171">
        <v>0.23200012318306915</v>
      </c>
      <c r="AD133" s="92">
        <v>0.1127723894601784</v>
      </c>
      <c r="AE133" s="171">
        <v>0.2139454219116052</v>
      </c>
      <c r="AF133" s="92">
        <v>0.11012839527161719</v>
      </c>
      <c r="AG133" s="91">
        <v>0.25000734308674072</v>
      </c>
      <c r="AH133" s="92">
        <v>0.11518312406852008</v>
      </c>
    </row>
    <row r="134" spans="1:34">
      <c r="A134" s="40" t="s">
        <v>541</v>
      </c>
      <c r="B134" s="167">
        <v>57</v>
      </c>
      <c r="C134" s="162">
        <v>3.1883482873021776</v>
      </c>
      <c r="D134" s="81">
        <v>0.44610180248662779</v>
      </c>
      <c r="E134" s="170">
        <v>0.56859426808105185</v>
      </c>
      <c r="F134" s="89">
        <v>0.12698048551984703</v>
      </c>
      <c r="G134" s="169">
        <v>0.20795821714562746</v>
      </c>
      <c r="H134" s="89">
        <v>0.1072855017873606</v>
      </c>
      <c r="I134" s="169">
        <v>0.21003623383794914</v>
      </c>
      <c r="J134" s="89">
        <v>0.10760773744946321</v>
      </c>
      <c r="K134" s="88">
        <v>1.341128093537133E-2</v>
      </c>
      <c r="L134" s="89">
        <v>5.3263926781156261E-2</v>
      </c>
      <c r="M134" s="167">
        <v>77</v>
      </c>
      <c r="N134" s="162">
        <v>4.2903880973122499</v>
      </c>
      <c r="O134" s="81">
        <v>0.50755421179171412</v>
      </c>
      <c r="P134" s="170">
        <v>0.38499255167029289</v>
      </c>
      <c r="Q134" s="89">
        <v>0.10842244164566363</v>
      </c>
      <c r="R134" s="169">
        <v>7.7298374667443395E-2</v>
      </c>
      <c r="S134" s="89">
        <v>6.6121729699483767E-2</v>
      </c>
      <c r="T134" s="169">
        <v>0.44291413015679554</v>
      </c>
      <c r="U134" s="89">
        <v>0.11045475311591543</v>
      </c>
      <c r="V134" s="88">
        <v>9.4794943505468993E-2</v>
      </c>
      <c r="W134" s="89">
        <v>7.0841455991382724E-2</v>
      </c>
      <c r="X134" s="167">
        <v>58</v>
      </c>
      <c r="Y134" s="162">
        <v>3.9860942252278462</v>
      </c>
      <c r="Z134" s="81">
        <v>0.35423636860758756</v>
      </c>
      <c r="AA134" s="170">
        <v>0.27607696834583284</v>
      </c>
      <c r="AB134" s="89">
        <v>0.11531713476951262</v>
      </c>
      <c r="AC134" s="169">
        <v>0.31279634941124412</v>
      </c>
      <c r="AD134" s="89">
        <v>0.11895536859594587</v>
      </c>
      <c r="AE134" s="169">
        <v>0.26480065046961893</v>
      </c>
      <c r="AF134" s="89">
        <v>0.1140426949670936</v>
      </c>
      <c r="AG134" s="88">
        <v>0.14632603177330353</v>
      </c>
      <c r="AH134" s="89">
        <v>9.5219310008533731E-2</v>
      </c>
    </row>
    <row r="135" spans="1:34">
      <c r="A135" s="44" t="s">
        <v>542</v>
      </c>
      <c r="B135" s="168">
        <v>476</v>
      </c>
      <c r="C135" s="164">
        <v>3.1206656785382076</v>
      </c>
      <c r="D135" s="82">
        <v>0.16572446485996531</v>
      </c>
      <c r="E135" s="172">
        <v>0.58773227507834025</v>
      </c>
      <c r="F135" s="92">
        <v>4.4947265020044785E-2</v>
      </c>
      <c r="G135" s="171">
        <v>0.13117417719062538</v>
      </c>
      <c r="H135" s="92">
        <v>3.1121438732627911E-2</v>
      </c>
      <c r="I135" s="171">
        <v>0.18987792528692346</v>
      </c>
      <c r="J135" s="92">
        <v>3.5988487541302176E-2</v>
      </c>
      <c r="K135" s="91">
        <v>9.1215622444108163E-2</v>
      </c>
      <c r="L135" s="92">
        <v>2.6719032848694046E-2</v>
      </c>
      <c r="M135" s="168">
        <v>604</v>
      </c>
      <c r="N135" s="164">
        <v>4.2965450237155132</v>
      </c>
      <c r="O135" s="82">
        <v>0.17074217315670556</v>
      </c>
      <c r="P135" s="172">
        <v>0.31554142511148758</v>
      </c>
      <c r="Q135" s="92">
        <v>3.7733593365888912E-2</v>
      </c>
      <c r="R135" s="171">
        <v>0.1192863657378939</v>
      </c>
      <c r="S135" s="92">
        <v>2.6526798544321956E-2</v>
      </c>
      <c r="T135" s="171">
        <v>0.43920052866407649</v>
      </c>
      <c r="U135" s="92">
        <v>4.0258368159384599E-2</v>
      </c>
      <c r="V135" s="91">
        <v>0.12597168048653618</v>
      </c>
      <c r="W135" s="92">
        <v>2.7137262388798343E-2</v>
      </c>
      <c r="X135" s="168">
        <v>481</v>
      </c>
      <c r="Y135" s="164">
        <v>4.0280570138399305</v>
      </c>
      <c r="Z135" s="82">
        <v>0.14495490771204741</v>
      </c>
      <c r="AA135" s="172">
        <v>0.29769607241042001</v>
      </c>
      <c r="AB135" s="92">
        <v>4.1591575235183427E-2</v>
      </c>
      <c r="AC135" s="171">
        <v>0.25441416322668475</v>
      </c>
      <c r="AD135" s="92">
        <v>3.9656082134348486E-2</v>
      </c>
      <c r="AE135" s="171">
        <v>0.30480274433664895</v>
      </c>
      <c r="AF135" s="92">
        <v>4.1866151548690722E-2</v>
      </c>
      <c r="AG135" s="91">
        <v>0.14308702002624435</v>
      </c>
      <c r="AH135" s="92">
        <v>3.2070243352960881E-2</v>
      </c>
    </row>
    <row r="136" spans="1:34">
      <c r="A136" s="40" t="s">
        <v>543</v>
      </c>
      <c r="B136" s="167">
        <v>48</v>
      </c>
      <c r="C136" s="162">
        <v>3.3292934350295798</v>
      </c>
      <c r="D136" s="81">
        <v>0.5499531422096654</v>
      </c>
      <c r="E136" s="170">
        <v>0.49422308068017046</v>
      </c>
      <c r="F136" s="89">
        <v>0.1386671621067003</v>
      </c>
      <c r="G136" s="169">
        <v>0.17261628458689593</v>
      </c>
      <c r="H136" s="89">
        <v>0.11047970465712502</v>
      </c>
      <c r="I136" s="169">
        <v>0.26457586793439897</v>
      </c>
      <c r="J136" s="89">
        <v>0.12489206780935416</v>
      </c>
      <c r="K136" s="88">
        <v>6.8584766798534896E-2</v>
      </c>
      <c r="L136" s="89">
        <v>8.3855786605039742E-2</v>
      </c>
      <c r="M136" s="167">
        <v>59</v>
      </c>
      <c r="N136" s="162">
        <v>4.6135995965777763</v>
      </c>
      <c r="O136" s="81">
        <v>0.55154040900053425</v>
      </c>
      <c r="P136" s="170">
        <v>0.26130308499471439</v>
      </c>
      <c r="Q136" s="89">
        <v>0.11269545223822033</v>
      </c>
      <c r="R136" s="169">
        <v>7.5399933115379458E-2</v>
      </c>
      <c r="S136" s="89">
        <v>7.6378909539769793E-2</v>
      </c>
      <c r="T136" s="169">
        <v>0.54195870380907463</v>
      </c>
      <c r="U136" s="89">
        <v>0.12559848592870254</v>
      </c>
      <c r="V136" s="88">
        <v>0.12133827808083204</v>
      </c>
      <c r="W136" s="89">
        <v>8.8817581135050686E-2</v>
      </c>
      <c r="X136" s="167">
        <v>48</v>
      </c>
      <c r="Y136" s="162">
        <v>4.5424011078157633</v>
      </c>
      <c r="Z136" s="81">
        <v>0.40992175640320505</v>
      </c>
      <c r="AA136" s="170">
        <v>0.14075251781259376</v>
      </c>
      <c r="AB136" s="89">
        <v>0.10378705200058401</v>
      </c>
      <c r="AC136" s="169">
        <v>0.18874475356012607</v>
      </c>
      <c r="AD136" s="89">
        <v>0.11349398734706347</v>
      </c>
      <c r="AE136" s="169">
        <v>0.48190304061876182</v>
      </c>
      <c r="AF136" s="89">
        <v>0.13859763201375677</v>
      </c>
      <c r="AG136" s="88">
        <v>0.18859968800851859</v>
      </c>
      <c r="AH136" s="89">
        <v>0.11346790229789698</v>
      </c>
    </row>
    <row r="137" spans="1:34">
      <c r="A137" s="44" t="s">
        <v>550</v>
      </c>
      <c r="B137" s="168">
        <v>95</v>
      </c>
      <c r="C137" s="164">
        <v>3.0704267673103591</v>
      </c>
      <c r="D137" s="82">
        <v>0.38514185286481534</v>
      </c>
      <c r="E137" s="172">
        <v>0.5829469053511166</v>
      </c>
      <c r="F137" s="92">
        <v>9.9222137061258514E-2</v>
      </c>
      <c r="G137" s="171">
        <v>8.7909076663515717E-2</v>
      </c>
      <c r="H137" s="92">
        <v>6.1505222096719443E-2</v>
      </c>
      <c r="I137" s="171">
        <v>0.20612592067492519</v>
      </c>
      <c r="J137" s="92">
        <v>8.2993436800037096E-2</v>
      </c>
      <c r="K137" s="91">
        <v>0.12301809731044208</v>
      </c>
      <c r="L137" s="92">
        <v>6.9380145250616143E-2</v>
      </c>
      <c r="M137" s="168">
        <v>108</v>
      </c>
      <c r="N137" s="164">
        <v>3.8242768144077339</v>
      </c>
      <c r="O137" s="82">
        <v>0.43986701198414957</v>
      </c>
      <c r="P137" s="172">
        <v>0.41375809672535185</v>
      </c>
      <c r="Q137" s="92">
        <v>9.3174971568366169E-2</v>
      </c>
      <c r="R137" s="171">
        <v>5.4563988937715753E-2</v>
      </c>
      <c r="S137" s="92">
        <v>4.8368398855243591E-2</v>
      </c>
      <c r="T137" s="171">
        <v>0.38472316715651544</v>
      </c>
      <c r="U137" s="92">
        <v>9.2126368602932523E-2</v>
      </c>
      <c r="V137" s="91">
        <v>0.14695474718041635</v>
      </c>
      <c r="W137" s="92">
        <v>6.9205437878763307E-2</v>
      </c>
      <c r="X137" s="168">
        <v>96</v>
      </c>
      <c r="Y137" s="164">
        <v>3.7847631180291494</v>
      </c>
      <c r="Z137" s="82">
        <v>0.33288739885123736</v>
      </c>
      <c r="AA137" s="172">
        <v>0.35904787074971733</v>
      </c>
      <c r="AB137" s="92">
        <v>9.6268397613057291E-2</v>
      </c>
      <c r="AC137" s="171">
        <v>0.2265835965244016</v>
      </c>
      <c r="AD137" s="92">
        <v>8.5112721079314113E-2</v>
      </c>
      <c r="AE137" s="171">
        <v>0.21100573658801913</v>
      </c>
      <c r="AF137" s="92">
        <v>8.3193774325465777E-2</v>
      </c>
      <c r="AG137" s="91">
        <v>0.20336279613786157</v>
      </c>
      <c r="AH137" s="92">
        <v>8.2196123979885988E-2</v>
      </c>
    </row>
    <row r="138" spans="1:34">
      <c r="A138" s="52" t="s">
        <v>544</v>
      </c>
      <c r="B138" s="167">
        <v>87</v>
      </c>
      <c r="C138" s="162">
        <v>2.839460940726223</v>
      </c>
      <c r="D138" s="81">
        <v>0.35268528517889558</v>
      </c>
      <c r="E138" s="170">
        <v>0.68267307541771383</v>
      </c>
      <c r="F138" s="89">
        <v>9.8225945300298462E-2</v>
      </c>
      <c r="G138" s="169">
        <v>0.10880911616617606</v>
      </c>
      <c r="H138" s="89">
        <v>6.9575551860579746E-2</v>
      </c>
      <c r="I138" s="169">
        <v>0.12985505360447488</v>
      </c>
      <c r="J138" s="89">
        <v>7.4057476467182873E-2</v>
      </c>
      <c r="K138" s="88">
        <v>7.8662754811634816E-2</v>
      </c>
      <c r="L138" s="89">
        <v>6.2101838924135989E-2</v>
      </c>
      <c r="M138" s="167">
        <v>121</v>
      </c>
      <c r="N138" s="162">
        <v>3.8628283490947335</v>
      </c>
      <c r="O138" s="81">
        <v>0.35027058904007929</v>
      </c>
      <c r="P138" s="170">
        <v>0.37024757710306394</v>
      </c>
      <c r="Q138" s="89">
        <v>8.6574740564556829E-2</v>
      </c>
      <c r="R138" s="169">
        <v>0.19374625444568494</v>
      </c>
      <c r="S138" s="89">
        <v>7.2025606071475179E-2</v>
      </c>
      <c r="T138" s="169">
        <v>0.32850506667215468</v>
      </c>
      <c r="U138" s="89">
        <v>8.4369026403103134E-2</v>
      </c>
      <c r="V138" s="88">
        <v>0.10750110177909608</v>
      </c>
      <c r="W138" s="89">
        <v>5.8143658454617463E-2</v>
      </c>
      <c r="X138" s="167">
        <v>87</v>
      </c>
      <c r="Y138" s="162">
        <v>3.4306442986798631</v>
      </c>
      <c r="Z138" s="81">
        <v>0.31145331270501864</v>
      </c>
      <c r="AA138" s="170">
        <v>0.46768048456261196</v>
      </c>
      <c r="AB138" s="89">
        <v>0.10462812417395566</v>
      </c>
      <c r="AC138" s="169">
        <v>0.31165983290542126</v>
      </c>
      <c r="AD138" s="89">
        <v>9.779500065543327E-2</v>
      </c>
      <c r="AE138" s="169">
        <v>0.15966023280554609</v>
      </c>
      <c r="AF138" s="89">
        <v>7.9594577219096657E-2</v>
      </c>
      <c r="AG138" s="88">
        <v>6.0999449726420227E-2</v>
      </c>
      <c r="AH138" s="89">
        <v>5.69745272314124E-2</v>
      </c>
    </row>
    <row r="139" spans="1:34">
      <c r="A139" s="44" t="s">
        <v>545</v>
      </c>
      <c r="B139" s="168">
        <v>125</v>
      </c>
      <c r="C139" s="164">
        <v>3.0741361131286902</v>
      </c>
      <c r="D139" s="82">
        <v>0.29782632700769807</v>
      </c>
      <c r="E139" s="172">
        <v>0.59927980560285765</v>
      </c>
      <c r="F139" s="92">
        <v>8.6400060641995152E-2</v>
      </c>
      <c r="G139" s="171">
        <v>0.17291020502049423</v>
      </c>
      <c r="H139" s="92">
        <v>6.8095759663161004E-2</v>
      </c>
      <c r="I139" s="171">
        <v>0.15481933355404234</v>
      </c>
      <c r="J139" s="92">
        <v>6.5444189039946588E-2</v>
      </c>
      <c r="K139" s="91">
        <v>7.2990655822605777E-2</v>
      </c>
      <c r="L139" s="92">
        <v>4.9429434846287354E-2</v>
      </c>
      <c r="M139" s="168">
        <v>152</v>
      </c>
      <c r="N139" s="164">
        <v>4.2737931594569343</v>
      </c>
      <c r="O139" s="82">
        <v>0.31896142214841172</v>
      </c>
      <c r="P139" s="172">
        <v>0.30992223549715003</v>
      </c>
      <c r="Q139" s="92">
        <v>7.4369053288870612E-2</v>
      </c>
      <c r="R139" s="171">
        <v>0.12511634710816666</v>
      </c>
      <c r="S139" s="92">
        <v>5.4673134264437859E-2</v>
      </c>
      <c r="T139" s="171">
        <v>0.44835470276116363</v>
      </c>
      <c r="U139" s="92">
        <v>7.9657566968194995E-2</v>
      </c>
      <c r="V139" s="91">
        <v>0.11660671463351982</v>
      </c>
      <c r="W139" s="92">
        <v>5.3217241737015732E-2</v>
      </c>
      <c r="X139" s="168">
        <v>128</v>
      </c>
      <c r="Y139" s="164">
        <v>4.1278341231481663</v>
      </c>
      <c r="Z139" s="82">
        <v>0.25414675319090951</v>
      </c>
      <c r="AA139" s="172">
        <v>0.2527644074758828</v>
      </c>
      <c r="AB139" s="92">
        <v>7.6380824962226646E-2</v>
      </c>
      <c r="AC139" s="171">
        <v>0.26259698228880846</v>
      </c>
      <c r="AD139" s="92">
        <v>7.7264563668589206E-2</v>
      </c>
      <c r="AE139" s="171">
        <v>0.35353381456169464</v>
      </c>
      <c r="AF139" s="92">
        <v>8.345350718530245E-2</v>
      </c>
      <c r="AG139" s="91">
        <v>0.13110479567361374</v>
      </c>
      <c r="AH139" s="92">
        <v>6.0812394429122563E-2</v>
      </c>
    </row>
    <row r="140" spans="1:34">
      <c r="A140" s="52" t="s">
        <v>546</v>
      </c>
      <c r="B140" s="167">
        <v>62</v>
      </c>
      <c r="C140" s="162">
        <v>3.4790828276849877</v>
      </c>
      <c r="D140" s="81">
        <v>0.48751294144328744</v>
      </c>
      <c r="E140" s="170">
        <v>0.47455351522928674</v>
      </c>
      <c r="F140" s="89">
        <v>0.12295073802999107</v>
      </c>
      <c r="G140" s="169">
        <v>0.2127085503026962</v>
      </c>
      <c r="H140" s="89">
        <v>0.10362077373129566</v>
      </c>
      <c r="I140" s="169">
        <v>0.21748791484674637</v>
      </c>
      <c r="J140" s="89">
        <v>0.10432120365344327</v>
      </c>
      <c r="K140" s="88">
        <v>9.5250019621270582E-2</v>
      </c>
      <c r="L140" s="89">
        <v>7.9936715898594649E-2</v>
      </c>
      <c r="M140" s="167">
        <v>72</v>
      </c>
      <c r="N140" s="162">
        <v>4.8291778856388516</v>
      </c>
      <c r="O140" s="81">
        <v>0.48885369700643744</v>
      </c>
      <c r="P140" s="170">
        <v>0.1856209255773047</v>
      </c>
      <c r="Q140" s="89">
        <v>9.2137088614085885E-2</v>
      </c>
      <c r="R140" s="169">
        <v>0.19393164297333521</v>
      </c>
      <c r="S140" s="89">
        <v>9.3449533412068353E-2</v>
      </c>
      <c r="T140" s="169">
        <v>0.51993514234982241</v>
      </c>
      <c r="U140" s="89">
        <v>0.11462601015158365</v>
      </c>
      <c r="V140" s="88">
        <v>0.10051228909953695</v>
      </c>
      <c r="W140" s="89">
        <v>7.4961914132081905E-2</v>
      </c>
      <c r="X140" s="167">
        <v>62</v>
      </c>
      <c r="Y140" s="162">
        <v>4.2925440403046196</v>
      </c>
      <c r="Z140" s="81">
        <v>0.47089510240679322</v>
      </c>
      <c r="AA140" s="170">
        <v>0.28534775709603855</v>
      </c>
      <c r="AB140" s="89">
        <v>0.11263781970860987</v>
      </c>
      <c r="AC140" s="169">
        <v>0.19587302025557565</v>
      </c>
      <c r="AD140" s="89">
        <v>0.10101855311673895</v>
      </c>
      <c r="AE140" s="169">
        <v>0.38541928576548573</v>
      </c>
      <c r="AF140" s="89">
        <v>0.12020548045156014</v>
      </c>
      <c r="AG140" s="88">
        <v>0.1333599368829001</v>
      </c>
      <c r="AH140" s="89">
        <v>8.9230800578462735E-2</v>
      </c>
    </row>
    <row r="141" spans="1:34">
      <c r="A141" s="44" t="s">
        <v>547</v>
      </c>
      <c r="B141" s="168">
        <v>59</v>
      </c>
      <c r="C141" s="164">
        <v>3.3135251469784408</v>
      </c>
      <c r="D141" s="82">
        <v>0.51834506972124661</v>
      </c>
      <c r="E141" s="172">
        <v>0.58918630479257839</v>
      </c>
      <c r="F141" s="92">
        <v>0.1242178819273688</v>
      </c>
      <c r="G141" s="171">
        <v>2.8466463982563535E-2</v>
      </c>
      <c r="H141" s="92">
        <v>5.9090431285649142E-2</v>
      </c>
      <c r="I141" s="171">
        <v>0.26866666477107454</v>
      </c>
      <c r="J141" s="92">
        <v>0.11354734007893849</v>
      </c>
      <c r="K141" s="91">
        <v>0.1136805664537838</v>
      </c>
      <c r="L141" s="92">
        <v>8.6961811124272384E-2</v>
      </c>
      <c r="M141" s="168">
        <v>92</v>
      </c>
      <c r="N141" s="164">
        <v>5.2048392381812532</v>
      </c>
      <c r="O141" s="82">
        <v>0.44092382410113928</v>
      </c>
      <c r="P141" s="172">
        <v>0.23765980758627478</v>
      </c>
      <c r="Q141" s="92">
        <v>8.8221628630683141E-2</v>
      </c>
      <c r="R141" s="171">
        <v>2.9992885135252573E-2</v>
      </c>
      <c r="S141" s="92">
        <v>4.4308898696886798E-2</v>
      </c>
      <c r="T141" s="171">
        <v>0.55474545646087425</v>
      </c>
      <c r="U141" s="92">
        <v>0.10149866320465419</v>
      </c>
      <c r="V141" s="91">
        <v>0.17760185081759716</v>
      </c>
      <c r="W141" s="92">
        <v>8.0244598705618536E-2</v>
      </c>
      <c r="X141" s="168">
        <v>60</v>
      </c>
      <c r="Y141" s="164">
        <v>4.8191350044240187</v>
      </c>
      <c r="Z141" s="82">
        <v>0.37519999999999998</v>
      </c>
      <c r="AA141" s="172">
        <v>0.10664894675536624</v>
      </c>
      <c r="AB141" s="92">
        <v>8.4413856077736521E-2</v>
      </c>
      <c r="AC141" s="171">
        <v>0.29646323031454314</v>
      </c>
      <c r="AD141" s="92">
        <v>0.11553932241824094</v>
      </c>
      <c r="AE141" s="171">
        <v>0.40955980553617488</v>
      </c>
      <c r="AF141" s="92">
        <v>0.12318965280425501</v>
      </c>
      <c r="AG141" s="91">
        <v>0.1873280173939158</v>
      </c>
      <c r="AH141" s="92">
        <v>0.10126537311071034</v>
      </c>
    </row>
    <row r="142" spans="1:34">
      <c r="A142" s="52" t="s">
        <v>551</v>
      </c>
      <c r="B142" s="167">
        <v>735</v>
      </c>
      <c r="C142" s="162">
        <v>3.101263800632712</v>
      </c>
      <c r="D142" s="81">
        <v>0.12429597199197036</v>
      </c>
      <c r="E142" s="170">
        <v>0.57996782366139332</v>
      </c>
      <c r="F142" s="89">
        <v>3.6317215182946859E-2</v>
      </c>
      <c r="G142" s="169">
        <v>0.17985510174015371</v>
      </c>
      <c r="H142" s="89">
        <v>2.8362029400562181E-2</v>
      </c>
      <c r="I142" s="169">
        <v>0.15960290800494301</v>
      </c>
      <c r="J142" s="89">
        <v>2.7069876072458671E-2</v>
      </c>
      <c r="K142" s="88">
        <v>8.0574166593510271E-2</v>
      </c>
      <c r="L142" s="89">
        <v>2.0279669301471751E-2</v>
      </c>
      <c r="M142" s="167">
        <v>757</v>
      </c>
      <c r="N142" s="162">
        <v>4.1523326787825896</v>
      </c>
      <c r="O142" s="81">
        <v>0.14584473291551242</v>
      </c>
      <c r="P142" s="170">
        <v>0.31178343896311067</v>
      </c>
      <c r="Q142" s="89">
        <v>3.3612615515856432E-2</v>
      </c>
      <c r="R142" s="169">
        <v>0.17226969096363928</v>
      </c>
      <c r="S142" s="89">
        <v>2.7484937271839777E-2</v>
      </c>
      <c r="T142" s="169">
        <v>0.37610879420450805</v>
      </c>
      <c r="U142" s="89">
        <v>3.5131583066572963E-2</v>
      </c>
      <c r="V142" s="88">
        <v>0.13983807586874542</v>
      </c>
      <c r="W142" s="89">
        <v>2.5286110342706145E-2</v>
      </c>
      <c r="X142" s="167">
        <v>744</v>
      </c>
      <c r="Y142" s="162">
        <v>4.0777643085427648</v>
      </c>
      <c r="Z142" s="81">
        <v>0.13156437011545821</v>
      </c>
      <c r="AA142" s="170">
        <v>0.34055467435944459</v>
      </c>
      <c r="AB142" s="89">
        <v>3.4675606156395505E-2</v>
      </c>
      <c r="AC142" s="169">
        <v>0.18964170282833057</v>
      </c>
      <c r="AD142" s="89">
        <v>2.8762828582277862E-2</v>
      </c>
      <c r="AE142" s="169">
        <v>0.34930695639120207</v>
      </c>
      <c r="AF142" s="89">
        <v>3.4882064691003016E-2</v>
      </c>
      <c r="AG142" s="88">
        <v>0.12049666642102644</v>
      </c>
      <c r="AH142" s="89">
        <v>2.3977869900479537E-2</v>
      </c>
    </row>
    <row r="143" spans="1:34">
      <c r="A143" s="44" t="s">
        <v>552</v>
      </c>
      <c r="B143" s="168">
        <v>204</v>
      </c>
      <c r="C143" s="164">
        <v>3.3198244701939945</v>
      </c>
      <c r="D143" s="82">
        <v>0.2482661864152956</v>
      </c>
      <c r="E143" s="172">
        <v>0.50363822224241905</v>
      </c>
      <c r="F143" s="92">
        <v>6.9335758831995498E-2</v>
      </c>
      <c r="G143" s="171">
        <v>0.2032268580586355</v>
      </c>
      <c r="H143" s="92">
        <v>5.6377949071425959E-2</v>
      </c>
      <c r="I143" s="171">
        <v>0.18629451584936574</v>
      </c>
      <c r="J143" s="92">
        <v>5.4655831917806895E-2</v>
      </c>
      <c r="K143" s="91">
        <v>0.10684040384957949</v>
      </c>
      <c r="L143" s="92">
        <v>4.413997374803319E-2</v>
      </c>
      <c r="M143" s="168">
        <v>211</v>
      </c>
      <c r="N143" s="164">
        <v>4.4209555686488704</v>
      </c>
      <c r="O143" s="82">
        <v>0.28253357025142684</v>
      </c>
      <c r="P143" s="172">
        <v>0.26465007873970342</v>
      </c>
      <c r="Q143" s="92">
        <v>6.0486746613234367E-2</v>
      </c>
      <c r="R143" s="171">
        <v>0.13587942288239011</v>
      </c>
      <c r="S143" s="92">
        <v>4.7701331303487159E-2</v>
      </c>
      <c r="T143" s="171">
        <v>0.44005195737687336</v>
      </c>
      <c r="U143" s="92">
        <v>6.7725672348180124E-2</v>
      </c>
      <c r="V143" s="91">
        <v>0.1594185410010332</v>
      </c>
      <c r="W143" s="92">
        <v>5.0721352785283967E-2</v>
      </c>
      <c r="X143" s="168">
        <v>202</v>
      </c>
      <c r="Y143" s="164">
        <v>4.4016270522947911</v>
      </c>
      <c r="Z143" s="82">
        <v>0.23990391946509054</v>
      </c>
      <c r="AA143" s="172">
        <v>0.28680659125759644</v>
      </c>
      <c r="AB143" s="92">
        <v>6.3291057911571316E-2</v>
      </c>
      <c r="AC143" s="171">
        <v>0.16208239183946277</v>
      </c>
      <c r="AD143" s="92">
        <v>5.2176536443263526E-2</v>
      </c>
      <c r="AE143" s="171">
        <v>0.42404700192629169</v>
      </c>
      <c r="AF143" s="92">
        <v>6.8896010046943179E-2</v>
      </c>
      <c r="AG143" s="91">
        <v>0.12706401497664926</v>
      </c>
      <c r="AH143" s="92">
        <v>4.7514438410335362E-2</v>
      </c>
    </row>
    <row r="144" spans="1:34">
      <c r="A144" s="52" t="s">
        <v>553</v>
      </c>
      <c r="B144" s="167">
        <v>268</v>
      </c>
      <c r="C144" s="162">
        <v>2.9634775894845551</v>
      </c>
      <c r="D144" s="81">
        <v>0.20555635218564428</v>
      </c>
      <c r="E144" s="170">
        <v>0.61155255883056925</v>
      </c>
      <c r="F144" s="89">
        <v>5.9150771297336341E-2</v>
      </c>
      <c r="G144" s="169">
        <v>0.16764641322778653</v>
      </c>
      <c r="H144" s="89">
        <v>4.5820300625436981E-2</v>
      </c>
      <c r="I144" s="169">
        <v>0.1471833479078587</v>
      </c>
      <c r="J144" s="89">
        <v>4.3581339451703095E-2</v>
      </c>
      <c r="K144" s="88">
        <v>7.3617680033786395E-2</v>
      </c>
      <c r="L144" s="89">
        <v>3.2878098020759687E-2</v>
      </c>
      <c r="M144" s="167">
        <v>269</v>
      </c>
      <c r="N144" s="162">
        <v>4.0473623851919323</v>
      </c>
      <c r="O144" s="81">
        <v>0.23426592750739963</v>
      </c>
      <c r="P144" s="170">
        <v>0.32431890957173293</v>
      </c>
      <c r="Q144" s="89">
        <v>5.6779757472540521E-2</v>
      </c>
      <c r="R144" s="169">
        <v>0.20291177758540369</v>
      </c>
      <c r="S144" s="89">
        <v>4.9065412720074204E-2</v>
      </c>
      <c r="T144" s="169">
        <v>0.34416832355159371</v>
      </c>
      <c r="U144" s="89">
        <v>5.7598188835363329E-2</v>
      </c>
      <c r="V144" s="88">
        <v>0.12860098929127065</v>
      </c>
      <c r="W144" s="89">
        <v>4.1239988907535899E-2</v>
      </c>
      <c r="X144" s="167">
        <v>264</v>
      </c>
      <c r="Y144" s="162">
        <v>3.839639842959953</v>
      </c>
      <c r="Z144" s="81">
        <v>0.22107518358794023</v>
      </c>
      <c r="AA144" s="170">
        <v>0.38072798365110727</v>
      </c>
      <c r="AB144" s="89">
        <v>5.9374308258439729E-2</v>
      </c>
      <c r="AC144" s="169">
        <v>0.20221633297724431</v>
      </c>
      <c r="AD144" s="89">
        <v>4.9467636346976228E-2</v>
      </c>
      <c r="AE144" s="169">
        <v>0.29626585753317336</v>
      </c>
      <c r="AF144" s="89">
        <v>5.5948028327380016E-2</v>
      </c>
      <c r="AG144" s="88">
        <v>0.120789825838476</v>
      </c>
      <c r="AH144" s="89">
        <v>4.0603682984629366E-2</v>
      </c>
    </row>
    <row r="145" spans="1:34">
      <c r="A145" s="44" t="s">
        <v>554</v>
      </c>
      <c r="B145" s="168">
        <v>229</v>
      </c>
      <c r="C145" s="164">
        <v>3.1020076816070294</v>
      </c>
      <c r="D145" s="82">
        <v>0.21790364299692158</v>
      </c>
      <c r="E145" s="172">
        <v>0.59579874944737454</v>
      </c>
      <c r="F145" s="92">
        <v>6.4340163432290015E-2</v>
      </c>
      <c r="G145" s="171">
        <v>0.17354252402477274</v>
      </c>
      <c r="H145" s="92">
        <v>5.0244606243054352E-2</v>
      </c>
      <c r="I145" s="171">
        <v>0.15331102645937231</v>
      </c>
      <c r="J145" s="92">
        <v>4.7944556510467862E-2</v>
      </c>
      <c r="K145" s="91">
        <v>7.7347700068480782E-2</v>
      </c>
      <c r="L145" s="92">
        <v>3.6462874447470782E-2</v>
      </c>
      <c r="M145" s="168">
        <v>242</v>
      </c>
      <c r="N145" s="164">
        <v>4.1080241416689605</v>
      </c>
      <c r="O145" s="82">
        <v>0.26319316663248543</v>
      </c>
      <c r="P145" s="172">
        <v>0.32004864927397508</v>
      </c>
      <c r="Q145" s="92">
        <v>5.9627848398261532E-2</v>
      </c>
      <c r="R145" s="171">
        <v>0.1681881216963487</v>
      </c>
      <c r="S145" s="92">
        <v>4.8296547918623929E-2</v>
      </c>
      <c r="T145" s="171">
        <v>0.36208322778613505</v>
      </c>
      <c r="U145" s="92">
        <v>6.136555867722935E-2</v>
      </c>
      <c r="V145" s="91">
        <v>0.14968000124354208</v>
      </c>
      <c r="W145" s="92">
        <v>4.6194090141076456E-2</v>
      </c>
      <c r="X145" s="168">
        <v>228</v>
      </c>
      <c r="Y145" s="164">
        <v>4.0344833833909561</v>
      </c>
      <c r="Z145" s="82">
        <v>0.24587473315413691</v>
      </c>
      <c r="AA145" s="172">
        <v>0.34255903584324121</v>
      </c>
      <c r="AB145" s="92">
        <v>6.2430612669160258E-2</v>
      </c>
      <c r="AC145" s="171">
        <v>0.20210527019967947</v>
      </c>
      <c r="AD145" s="92">
        <v>5.3222434027956289E-2</v>
      </c>
      <c r="AE145" s="171">
        <v>0.33517254904917854</v>
      </c>
      <c r="AF145" s="92">
        <v>6.2112337872567744E-2</v>
      </c>
      <c r="AG145" s="91">
        <v>0.12016314490790161</v>
      </c>
      <c r="AH145" s="92">
        <v>4.3679102360578898E-2</v>
      </c>
    </row>
    <row r="147" spans="1:34">
      <c r="I147" s="238"/>
      <c r="J147" s="238"/>
      <c r="K147" s="238"/>
      <c r="L147" s="238"/>
      <c r="M147" s="238"/>
      <c r="N147" s="238"/>
      <c r="O147" s="238"/>
      <c r="P147" s="238"/>
      <c r="Q147" s="238"/>
      <c r="R147" s="238"/>
      <c r="S147" s="238"/>
      <c r="T147" s="238"/>
      <c r="U147" s="238"/>
      <c r="V147" s="238"/>
      <c r="W147" s="238"/>
    </row>
  </sheetData>
  <mergeCells count="19">
    <mergeCell ref="A3:D3"/>
    <mergeCell ref="A4:D4"/>
    <mergeCell ref="A5:D5"/>
    <mergeCell ref="A63:L63"/>
    <mergeCell ref="B34:J34"/>
    <mergeCell ref="K34:S34"/>
    <mergeCell ref="X121:AH121"/>
    <mergeCell ref="T34:AB34"/>
    <mergeCell ref="AC34:AK34"/>
    <mergeCell ref="A33:AK33"/>
    <mergeCell ref="A32:AK32"/>
    <mergeCell ref="A90:D90"/>
    <mergeCell ref="A62:L62"/>
    <mergeCell ref="A91:D91"/>
    <mergeCell ref="A92:D92"/>
    <mergeCell ref="B121:L121"/>
    <mergeCell ref="M121:W121"/>
    <mergeCell ref="A120:AH120"/>
    <mergeCell ref="A119:AH119"/>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Mel.Mylek</cp:lastModifiedBy>
  <dcterms:created xsi:type="dcterms:W3CDTF">2014-05-19T04:59:05Z</dcterms:created>
  <dcterms:modified xsi:type="dcterms:W3CDTF">2020-01-20T03:33:47Z</dcterms:modified>
</cp:coreProperties>
</file>